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harts/chart1.xml" ContentType="application/vnd.openxmlformats-officedocument.drawingml.chart+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725"/>
  <workbookPr codeName="ThisWorkbook" defaultThemeVersion="124226"/>
  <mc:AlternateContent xmlns:mc="http://schemas.openxmlformats.org/markup-compatibility/2006">
    <mc:Choice Requires="x15">
      <x15ac:absPath xmlns:x15ac="http://schemas.microsoft.com/office/spreadsheetml/2010/11/ac" url="C:\Users\s606841\AppData\Local\Microsoft\Windows\INetCache\Content.Outlook\KPWNITX1\"/>
    </mc:Choice>
  </mc:AlternateContent>
  <xr:revisionPtr revIDLastSave="0" documentId="13_ncr:1_{4820222F-D3A4-4B25-A86E-D93464F60F99}" xr6:coauthVersionLast="47" xr6:coauthVersionMax="47" xr10:uidLastSave="{00000000-0000-0000-0000-000000000000}"/>
  <bookViews>
    <workbookView xWindow="-108" yWindow="-108" windowWidth="23256" windowHeight="12456" tabRatio="983" firstSheet="1" activeTab="1" xr2:uid="{00000000-000D-0000-FFFF-FFFF00000000}"/>
  </bookViews>
  <sheets>
    <sheet name="Disclaimer" sheetId="13" r:id="rId1"/>
    <sheet name="Introduction" sheetId="5" r:id="rId2"/>
    <sheet name="Completion Instructions" sheetId="6" r:id="rId3"/>
    <sheet name="FAQ" sheetId="7" r:id="rId4"/>
    <sheet name="C. HTT Harmonised Glossary" sheetId="12" r:id="rId5"/>
    <sheet name="A. HTT General" sheetId="8" r:id="rId6"/>
    <sheet name="B1. HTT Mortgage Assets" sheetId="9" r:id="rId7"/>
    <sheet name="D. Insert Nat Trans Templ" sheetId="14" r:id="rId8"/>
    <sheet name="E. Optional ECB-ECAIs data" sheetId="18" r:id="rId9"/>
  </sheets>
  <definedNames>
    <definedName name="_xlnm._FilterDatabase" localSheetId="5" hidden="1">'A. HTT General'!$L$112:$L$126</definedName>
    <definedName name="_xlnm._FilterDatabase" localSheetId="6" hidden="1">'B1. HTT Mortgage Assets'!$A$11:$D$187</definedName>
    <definedName name="acceptable_use_policy" localSheetId="0">Disclaimer!#REF!</definedName>
    <definedName name="general_tc" localSheetId="0">Disclaimer!$A$61</definedName>
    <definedName name="_xlnm.Print_Area" localSheetId="5">'A. HTT General'!$A$1:$G$365</definedName>
    <definedName name="_xlnm.Print_Area" localSheetId="6">'B1. HTT Mortgage Assets'!$A$1:$G$524</definedName>
    <definedName name="_xlnm.Print_Area" localSheetId="4">'C. HTT Harmonised Glossary'!$A$1:$C$57</definedName>
    <definedName name="_xlnm.Print_Area" localSheetId="2">'Completion Instructions'!$B$2:$J$73</definedName>
    <definedName name="_xlnm.Print_Area" localSheetId="0">Disclaimer!$A$1:$A$170</definedName>
    <definedName name="_xlnm.Print_Area" localSheetId="8">'E. Optional ECB-ECAIs data'!$A$2:$G$72</definedName>
    <definedName name="_xlnm.Print_Area" localSheetId="3">FAQ!$A$1:$C$28</definedName>
    <definedName name="_xlnm.Print_Area" localSheetId="1">Introduction!$B$2:$J$43</definedName>
    <definedName name="_xlnm.Print_Titles" localSheetId="0">Disclaimer!$2:$2</definedName>
    <definedName name="_xlnm.Print_Titles" localSheetId="3">FAQ!$4:$4</definedName>
    <definedName name="privacy_policy" localSheetId="0">Disclaimer!$A$136</definedName>
  </definedNames>
  <calcPr calcId="191029" calcOnSave="0"/>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J191" i="14" l="1"/>
  <c r="I191" i="14"/>
  <c r="H191" i="14"/>
  <c r="G191" i="14"/>
  <c r="F191" i="14"/>
  <c r="E191" i="14"/>
  <c r="D191" i="14"/>
  <c r="J157" i="14"/>
  <c r="H157" i="14"/>
  <c r="J156" i="14"/>
  <c r="H156" i="14"/>
  <c r="J155" i="14"/>
  <c r="H155" i="14"/>
  <c r="J154" i="14"/>
  <c r="H154" i="14"/>
  <c r="J153" i="14"/>
  <c r="H153" i="14"/>
  <c r="J152" i="14"/>
  <c r="H152" i="14"/>
  <c r="J151" i="14"/>
  <c r="H151" i="14"/>
  <c r="J148" i="14"/>
  <c r="H148" i="14"/>
  <c r="J147" i="14"/>
  <c r="H147" i="14"/>
  <c r="J146" i="14"/>
  <c r="H146" i="14"/>
  <c r="J143" i="14"/>
  <c r="H143" i="14"/>
  <c r="J142" i="14"/>
  <c r="H142" i="14"/>
  <c r="J141" i="14"/>
  <c r="H141" i="14"/>
  <c r="J140" i="14"/>
  <c r="H140" i="14"/>
  <c r="J137" i="14"/>
  <c r="H137" i="14"/>
  <c r="J136" i="14"/>
  <c r="H136" i="14"/>
  <c r="J135" i="14"/>
  <c r="H135" i="14"/>
  <c r="J134" i="14"/>
  <c r="H134" i="14"/>
  <c r="J133" i="14"/>
  <c r="H133" i="14"/>
  <c r="J131" i="14"/>
  <c r="H131" i="14"/>
  <c r="J130" i="14"/>
  <c r="H130" i="14"/>
  <c r="J129" i="14"/>
  <c r="H129" i="14"/>
  <c r="J128" i="14"/>
  <c r="H128" i="14"/>
  <c r="J127" i="14"/>
  <c r="H127" i="14"/>
  <c r="J126" i="14"/>
  <c r="H126" i="14"/>
  <c r="J125" i="14"/>
  <c r="H125" i="14"/>
  <c r="J124" i="14"/>
  <c r="H124" i="14"/>
  <c r="J123" i="14"/>
  <c r="H123" i="14"/>
  <c r="J122" i="14"/>
  <c r="H122" i="14"/>
  <c r="J121" i="14"/>
  <c r="H121" i="14"/>
  <c r="J120" i="14"/>
  <c r="H120" i="14"/>
  <c r="J119" i="14"/>
  <c r="H119" i="14"/>
  <c r="J118" i="14"/>
  <c r="H118" i="14"/>
  <c r="J117" i="14"/>
  <c r="H117" i="14"/>
  <c r="J115" i="14"/>
  <c r="H115" i="14"/>
  <c r="J114" i="14"/>
  <c r="H114" i="14"/>
  <c r="J113" i="14"/>
  <c r="H113" i="14"/>
  <c r="J112" i="14"/>
  <c r="H112" i="14"/>
  <c r="J111" i="14"/>
  <c r="H111" i="14"/>
  <c r="J110" i="14"/>
  <c r="H110" i="14"/>
  <c r="J109" i="14"/>
  <c r="H109" i="14"/>
  <c r="J108" i="14"/>
  <c r="H108" i="14"/>
  <c r="J107" i="14"/>
  <c r="H107" i="14"/>
  <c r="J106" i="14"/>
  <c r="H106" i="14"/>
  <c r="J105" i="14"/>
  <c r="H105" i="14"/>
  <c r="J104" i="14"/>
  <c r="H104" i="14"/>
  <c r="J103" i="14"/>
  <c r="H103" i="14"/>
  <c r="J99" i="14"/>
  <c r="H99" i="14"/>
  <c r="J98" i="14"/>
  <c r="H98" i="14"/>
  <c r="J97" i="14"/>
  <c r="H97" i="14"/>
  <c r="J96" i="14"/>
  <c r="H96" i="14"/>
  <c r="J95" i="14"/>
  <c r="H95" i="14"/>
  <c r="J94" i="14"/>
  <c r="H94" i="14"/>
  <c r="J92" i="14"/>
  <c r="H92" i="14"/>
  <c r="J91" i="14"/>
  <c r="H91" i="14"/>
  <c r="J89" i="14"/>
  <c r="H89" i="14"/>
  <c r="I88" i="14"/>
  <c r="J88" i="14" s="1"/>
  <c r="H88" i="14"/>
  <c r="G88" i="14"/>
  <c r="J86" i="14"/>
  <c r="H86" i="14"/>
  <c r="J85" i="14"/>
  <c r="H85" i="14"/>
  <c r="J76" i="14"/>
  <c r="J74" i="14"/>
  <c r="J71" i="14"/>
  <c r="I70" i="14"/>
  <c r="J72" i="14" s="1"/>
  <c r="J44" i="14"/>
  <c r="J46" i="14" s="1"/>
  <c r="H44" i="14"/>
  <c r="I40" i="14"/>
  <c r="H36" i="14"/>
  <c r="H35" i="14"/>
  <c r="H34" i="14"/>
  <c r="H33" i="14"/>
  <c r="H32" i="14"/>
  <c r="H31" i="14"/>
  <c r="H30" i="14"/>
  <c r="H29" i="14"/>
  <c r="H28" i="14"/>
  <c r="H27" i="14"/>
  <c r="H26" i="14"/>
  <c r="H25" i="14"/>
  <c r="H24" i="14"/>
  <c r="H23" i="14"/>
  <c r="H21" i="14"/>
  <c r="H20" i="14"/>
  <c r="H19" i="14"/>
  <c r="H14" i="14" s="1"/>
  <c r="H18" i="14"/>
  <c r="H17" i="14"/>
  <c r="J14" i="14"/>
  <c r="J199" i="14" s="1"/>
  <c r="J197" i="14" s="1"/>
  <c r="J196" i="14" s="1"/>
  <c r="F181" i="9" l="1"/>
  <c r="F180" i="9"/>
  <c r="F174" i="9"/>
  <c r="F173" i="9"/>
  <c r="F172" i="9"/>
  <c r="F171" i="9"/>
  <c r="F170" i="9"/>
  <c r="F162" i="9"/>
  <c r="C161" i="9"/>
  <c r="F161" i="9" s="1"/>
  <c r="F152" i="9"/>
  <c r="F151" i="9"/>
  <c r="F150" i="9"/>
  <c r="F101" i="9"/>
  <c r="F102" i="9"/>
  <c r="F103" i="9"/>
  <c r="F104" i="9"/>
  <c r="F105" i="9"/>
  <c r="F106" i="9"/>
  <c r="F100" i="9"/>
  <c r="C99" i="9" l="1"/>
  <c r="F160" i="9"/>
  <c r="F78" i="9"/>
  <c r="F79" i="9"/>
  <c r="F80" i="9"/>
  <c r="F81" i="9"/>
  <c r="F82" i="9"/>
  <c r="F83" i="9"/>
  <c r="F84" i="9"/>
  <c r="F85" i="9"/>
  <c r="F86" i="9"/>
  <c r="F87" i="9"/>
  <c r="F77" i="9"/>
  <c r="F75" i="9"/>
  <c r="F74" i="9"/>
  <c r="F73" i="9"/>
  <c r="F46" i="9"/>
  <c r="F47" i="9"/>
  <c r="F48" i="9"/>
  <c r="F49" i="9"/>
  <c r="F50" i="9"/>
  <c r="F51" i="9"/>
  <c r="F52" i="9"/>
  <c r="F53" i="9"/>
  <c r="F54" i="9"/>
  <c r="F55" i="9"/>
  <c r="F56" i="9"/>
  <c r="F57" i="9"/>
  <c r="F58" i="9"/>
  <c r="F59" i="9"/>
  <c r="F60" i="9"/>
  <c r="F61" i="9"/>
  <c r="F62" i="9"/>
  <c r="F63" i="9"/>
  <c r="F64" i="9"/>
  <c r="F65" i="9"/>
  <c r="F66" i="9"/>
  <c r="F67" i="9"/>
  <c r="F68" i="9"/>
  <c r="F69" i="9"/>
  <c r="F70" i="9"/>
  <c r="F71" i="9"/>
  <c r="F45" i="9"/>
  <c r="C18" i="8"/>
  <c r="D165" i="8" l="1"/>
  <c r="D164" i="8"/>
  <c r="G86" i="18" l="1"/>
  <c r="G85" i="18"/>
  <c r="G84" i="18"/>
  <c r="G83" i="18"/>
  <c r="G82" i="18"/>
  <c r="D89" i="8"/>
  <c r="G617" i="9" l="1"/>
  <c r="F99" i="9"/>
  <c r="D99" i="9"/>
  <c r="C229" i="8"/>
  <c r="D382" i="9" l="1"/>
  <c r="C382" i="9"/>
  <c r="F321" i="9"/>
  <c r="F311" i="9"/>
  <c r="G311" i="9"/>
  <c r="F312" i="9"/>
  <c r="G312" i="9"/>
  <c r="F313" i="9"/>
  <c r="G313" i="9"/>
  <c r="F314" i="9"/>
  <c r="G314" i="9"/>
  <c r="F315" i="9"/>
  <c r="G315" i="9"/>
  <c r="F316" i="9"/>
  <c r="G316" i="9"/>
  <c r="F317" i="9"/>
  <c r="G317" i="9"/>
  <c r="F318" i="9"/>
  <c r="G318" i="9"/>
  <c r="F319" i="9"/>
  <c r="G319" i="9"/>
  <c r="F320" i="9"/>
  <c r="G320" i="9"/>
  <c r="G321" i="9"/>
  <c r="F322" i="9"/>
  <c r="G322" i="9"/>
  <c r="F323" i="9"/>
  <c r="G323" i="9"/>
  <c r="F324" i="9"/>
  <c r="G324" i="9"/>
  <c r="F325" i="9"/>
  <c r="G325" i="9"/>
  <c r="F326" i="9"/>
  <c r="G326" i="9"/>
  <c r="F327" i="9"/>
  <c r="G327" i="9"/>
  <c r="G310" i="9"/>
  <c r="F310" i="9"/>
  <c r="D346" i="9"/>
  <c r="C346" i="9"/>
  <c r="C585" i="9"/>
  <c r="D585" i="9"/>
  <c r="D617" i="9"/>
  <c r="C617" i="9"/>
  <c r="F293" i="8"/>
  <c r="F295" i="8"/>
  <c r="G293" i="8"/>
  <c r="F307" i="8"/>
  <c r="G620" i="9" l="1"/>
  <c r="G621" i="9"/>
  <c r="G619" i="9"/>
  <c r="G622" i="9"/>
  <c r="G618" i="9"/>
  <c r="G386" i="9" l="1"/>
  <c r="G390" i="9"/>
  <c r="G387" i="9"/>
  <c r="G384" i="9"/>
  <c r="G388" i="9"/>
  <c r="G392" i="9"/>
  <c r="G383" i="9"/>
  <c r="G391" i="9"/>
  <c r="G385" i="9"/>
  <c r="G389" i="9"/>
  <c r="G393" i="9"/>
  <c r="F44" i="9" l="1"/>
  <c r="D44" i="9"/>
  <c r="C44" i="9"/>
  <c r="F370" i="9"/>
  <c r="D372" i="9"/>
  <c r="G370" i="9" s="1"/>
  <c r="C372" i="9"/>
  <c r="F368" i="9" s="1"/>
  <c r="D365" i="9"/>
  <c r="G360" i="9" s="1"/>
  <c r="C365" i="9"/>
  <c r="F359" i="9" s="1"/>
  <c r="D328" i="9"/>
  <c r="G328" i="9" s="1"/>
  <c r="C328" i="9"/>
  <c r="F328" i="9" s="1"/>
  <c r="G368" i="9" l="1"/>
  <c r="G369" i="9"/>
  <c r="G371" i="9"/>
  <c r="F364" i="9"/>
  <c r="F360" i="9"/>
  <c r="F362" i="9"/>
  <c r="F358" i="9"/>
  <c r="G361" i="9"/>
  <c r="G358" i="9"/>
  <c r="F363" i="9"/>
  <c r="F361" i="9"/>
  <c r="F371" i="9"/>
  <c r="F369" i="9"/>
  <c r="G363" i="9"/>
  <c r="G359" i="9"/>
  <c r="G364" i="9"/>
  <c r="G362" i="9"/>
  <c r="D601" i="9"/>
  <c r="C601" i="9"/>
  <c r="G372" i="9" l="1"/>
  <c r="F365" i="9"/>
  <c r="F372" i="9"/>
  <c r="G599" i="9"/>
  <c r="G598" i="9"/>
  <c r="G600" i="9"/>
  <c r="G597" i="9"/>
  <c r="F597" i="9"/>
  <c r="F599" i="9"/>
  <c r="F598" i="9"/>
  <c r="F600" i="9"/>
  <c r="G365" i="9"/>
  <c r="D567" i="9"/>
  <c r="C567" i="9"/>
  <c r="F601" i="9" l="1"/>
  <c r="G601" i="9"/>
  <c r="F550" i="9"/>
  <c r="F558" i="9"/>
  <c r="F566" i="9"/>
  <c r="F551" i="9"/>
  <c r="F559" i="9"/>
  <c r="F549" i="9"/>
  <c r="F552" i="9"/>
  <c r="F560" i="9"/>
  <c r="F553" i="9"/>
  <c r="F561" i="9"/>
  <c r="F555" i="9"/>
  <c r="F556" i="9"/>
  <c r="F565" i="9"/>
  <c r="F554" i="9"/>
  <c r="F562" i="9"/>
  <c r="F563" i="9"/>
  <c r="F564" i="9"/>
  <c r="F557" i="9"/>
  <c r="G561" i="9"/>
  <c r="G550" i="9"/>
  <c r="G554" i="9"/>
  <c r="G558" i="9"/>
  <c r="G562" i="9"/>
  <c r="G566" i="9"/>
  <c r="G549" i="9"/>
  <c r="G557" i="9"/>
  <c r="G565" i="9"/>
  <c r="G551" i="9"/>
  <c r="G555" i="9"/>
  <c r="G559" i="9"/>
  <c r="G563" i="9"/>
  <c r="G560" i="9"/>
  <c r="G552" i="9"/>
  <c r="G556" i="9"/>
  <c r="G564" i="9"/>
  <c r="G553" i="9"/>
  <c r="F567" i="9" l="1"/>
  <c r="G567" i="9"/>
  <c r="D544" i="9" l="1"/>
  <c r="C544" i="9"/>
  <c r="D305" i="9"/>
  <c r="C305" i="9"/>
  <c r="F28" i="9"/>
  <c r="F334" i="9" l="1"/>
  <c r="F336" i="9"/>
  <c r="F338" i="9"/>
  <c r="F340" i="9"/>
  <c r="F342" i="9"/>
  <c r="F344" i="9"/>
  <c r="F335" i="9"/>
  <c r="F337" i="9"/>
  <c r="F339" i="9"/>
  <c r="F341" i="9"/>
  <c r="F343" i="9"/>
  <c r="F345" i="9"/>
  <c r="G334" i="9"/>
  <c r="G340" i="9"/>
  <c r="G344" i="9"/>
  <c r="G335" i="9"/>
  <c r="G337" i="9"/>
  <c r="G339" i="9"/>
  <c r="G341" i="9"/>
  <c r="G343" i="9"/>
  <c r="G345" i="9"/>
  <c r="G336" i="9"/>
  <c r="G338" i="9"/>
  <c r="G342" i="9"/>
  <c r="G291" i="9"/>
  <c r="G295" i="9"/>
  <c r="G299" i="9"/>
  <c r="G303" i="9"/>
  <c r="G289" i="9"/>
  <c r="G287" i="9"/>
  <c r="G290" i="9"/>
  <c r="G302" i="9"/>
  <c r="G288" i="9"/>
  <c r="G292" i="9"/>
  <c r="G296" i="9"/>
  <c r="G300" i="9"/>
  <c r="G304" i="9"/>
  <c r="G293" i="9"/>
  <c r="G297" i="9"/>
  <c r="G301" i="9"/>
  <c r="G294" i="9"/>
  <c r="G298" i="9"/>
  <c r="F333" i="9"/>
  <c r="G333" i="9"/>
  <c r="G534" i="9"/>
  <c r="G542" i="9"/>
  <c r="G527" i="9"/>
  <c r="G535" i="9"/>
  <c r="G543" i="9"/>
  <c r="G536" i="9"/>
  <c r="G526" i="9"/>
  <c r="G528" i="9"/>
  <c r="G529" i="9"/>
  <c r="G537" i="9"/>
  <c r="G531" i="9"/>
  <c r="G532" i="9"/>
  <c r="G541" i="9"/>
  <c r="G530" i="9"/>
  <c r="G538" i="9"/>
  <c r="G539" i="9"/>
  <c r="G540" i="9"/>
  <c r="G533" i="9"/>
  <c r="F532" i="9"/>
  <c r="F540" i="9"/>
  <c r="F533" i="9"/>
  <c r="F541" i="9"/>
  <c r="F534" i="9"/>
  <c r="F542" i="9"/>
  <c r="F531" i="9"/>
  <c r="F527" i="9"/>
  <c r="F535" i="9"/>
  <c r="F543" i="9"/>
  <c r="F530" i="9"/>
  <c r="F528" i="9"/>
  <c r="F536" i="9"/>
  <c r="F526" i="9"/>
  <c r="F538" i="9"/>
  <c r="F529" i="9"/>
  <c r="F537" i="9"/>
  <c r="F539" i="9"/>
  <c r="F289" i="9"/>
  <c r="F293" i="9"/>
  <c r="F297" i="9"/>
  <c r="F301" i="9"/>
  <c r="F292" i="9"/>
  <c r="F290" i="9"/>
  <c r="F294" i="9"/>
  <c r="F298" i="9"/>
  <c r="F302" i="9"/>
  <c r="F287" i="9"/>
  <c r="F296" i="9"/>
  <c r="F300" i="9"/>
  <c r="F291" i="9"/>
  <c r="F295" i="9"/>
  <c r="F299" i="9"/>
  <c r="F303" i="9"/>
  <c r="F288" i="9"/>
  <c r="F304" i="9"/>
  <c r="G346" i="9" l="1"/>
  <c r="F346" i="9"/>
  <c r="G305" i="9"/>
  <c r="G544" i="9"/>
  <c r="F544" i="9"/>
  <c r="F305" i="9"/>
  <c r="C291" i="8"/>
  <c r="D295" i="8"/>
  <c r="C295" i="8"/>
  <c r="C293" i="8"/>
  <c r="C307" i="8"/>
  <c r="D293" i="8"/>
  <c r="D291" i="8"/>
  <c r="D307" i="8"/>
  <c r="C288" i="8" l="1"/>
  <c r="D167" i="8"/>
  <c r="G166" i="8" l="1"/>
  <c r="G165" i="8"/>
  <c r="G164" i="8"/>
  <c r="D487" i="9"/>
  <c r="G492" i="9" s="1"/>
  <c r="C487" i="9"/>
  <c r="F488" i="9" s="1"/>
  <c r="D465" i="9"/>
  <c r="G470" i="9" s="1"/>
  <c r="C465" i="9"/>
  <c r="F470" i="9" s="1"/>
  <c r="D452" i="9"/>
  <c r="C452" i="9"/>
  <c r="F428" i="9" s="1"/>
  <c r="D249" i="9"/>
  <c r="G247" i="9" s="1"/>
  <c r="C249" i="9"/>
  <c r="D227" i="9"/>
  <c r="G228" i="9" s="1"/>
  <c r="C227" i="9"/>
  <c r="F219" i="9" s="1"/>
  <c r="D214" i="9"/>
  <c r="C214" i="9"/>
  <c r="F76" i="9"/>
  <c r="D76" i="9"/>
  <c r="C76" i="9"/>
  <c r="F72" i="9"/>
  <c r="D72" i="9"/>
  <c r="C72" i="9"/>
  <c r="C15" i="9"/>
  <c r="C304" i="8"/>
  <c r="C303" i="8"/>
  <c r="C302" i="8"/>
  <c r="C298" i="8"/>
  <c r="C297" i="8"/>
  <c r="C296" i="8"/>
  <c r="C292" i="8"/>
  <c r="C289" i="8"/>
  <c r="C220" i="8"/>
  <c r="C167" i="8"/>
  <c r="C231" i="8" s="1"/>
  <c r="D100" i="8"/>
  <c r="C100" i="8"/>
  <c r="D77" i="8"/>
  <c r="G80" i="8" s="1"/>
  <c r="C77" i="8"/>
  <c r="G450" i="9" l="1"/>
  <c r="G428" i="9"/>
  <c r="F252" i="9"/>
  <c r="F241" i="9"/>
  <c r="F440" i="9"/>
  <c r="F436" i="9"/>
  <c r="F99" i="8"/>
  <c r="F95" i="8"/>
  <c r="F98" i="8"/>
  <c r="F94" i="8"/>
  <c r="F97" i="8"/>
  <c r="F96" i="8"/>
  <c r="F213" i="9"/>
  <c r="F211" i="9"/>
  <c r="F209" i="9"/>
  <c r="F207" i="9"/>
  <c r="F205" i="9"/>
  <c r="F203" i="9"/>
  <c r="F201" i="9"/>
  <c r="F199" i="9"/>
  <c r="F197" i="9"/>
  <c r="F195" i="9"/>
  <c r="F193" i="9"/>
  <c r="F191" i="9"/>
  <c r="F212" i="9"/>
  <c r="F210" i="9"/>
  <c r="F208" i="9"/>
  <c r="F206" i="9"/>
  <c r="F204" i="9"/>
  <c r="F202" i="9"/>
  <c r="F200" i="9"/>
  <c r="F198" i="9"/>
  <c r="F196" i="9"/>
  <c r="F194" i="9"/>
  <c r="F192" i="9"/>
  <c r="F190" i="9"/>
  <c r="G213" i="9"/>
  <c r="G209" i="9"/>
  <c r="G199" i="9"/>
  <c r="G191" i="9"/>
  <c r="G212" i="9"/>
  <c r="G210" i="9"/>
  <c r="G208" i="9"/>
  <c r="G206" i="9"/>
  <c r="G204" i="9"/>
  <c r="G202" i="9"/>
  <c r="G200" i="9"/>
  <c r="G198" i="9"/>
  <c r="G196" i="9"/>
  <c r="G194" i="9"/>
  <c r="G192" i="9"/>
  <c r="G190" i="9"/>
  <c r="G207" i="9"/>
  <c r="G201" i="9"/>
  <c r="G195" i="9"/>
  <c r="G211" i="9"/>
  <c r="G205" i="9"/>
  <c r="G203" i="9"/>
  <c r="G197" i="9"/>
  <c r="G193" i="9"/>
  <c r="F166" i="8"/>
  <c r="F164" i="8"/>
  <c r="F165" i="8"/>
  <c r="G103" i="8"/>
  <c r="G99" i="8"/>
  <c r="G95" i="8"/>
  <c r="G98" i="8"/>
  <c r="G94" i="8"/>
  <c r="G97" i="8"/>
  <c r="G93" i="8"/>
  <c r="G96" i="8"/>
  <c r="F93" i="8"/>
  <c r="F71" i="8"/>
  <c r="F75" i="8"/>
  <c r="F79" i="8"/>
  <c r="F86" i="8"/>
  <c r="F72" i="8"/>
  <c r="F76" i="8"/>
  <c r="F80" i="8"/>
  <c r="F87" i="8"/>
  <c r="F73" i="8"/>
  <c r="F81" i="8"/>
  <c r="F78" i="8"/>
  <c r="F82" i="8"/>
  <c r="F70" i="8"/>
  <c r="F74" i="8"/>
  <c r="F103" i="8"/>
  <c r="F104" i="8"/>
  <c r="F101" i="8"/>
  <c r="F105" i="8"/>
  <c r="F102" i="8"/>
  <c r="F26" i="9"/>
  <c r="F14" i="9"/>
  <c r="G444" i="9"/>
  <c r="G73" i="8"/>
  <c r="G221" i="9"/>
  <c r="G434" i="9"/>
  <c r="G82" i="8"/>
  <c r="G105" i="8"/>
  <c r="G75" i="8"/>
  <c r="G71" i="8"/>
  <c r="G78" i="8"/>
  <c r="G101" i="8"/>
  <c r="G219" i="9"/>
  <c r="G442" i="9"/>
  <c r="G223" i="9"/>
  <c r="G243" i="9"/>
  <c r="G438" i="9"/>
  <c r="G446" i="9"/>
  <c r="F459" i="9"/>
  <c r="F479" i="9"/>
  <c r="G225" i="9"/>
  <c r="G245" i="9"/>
  <c r="G432" i="9"/>
  <c r="G440" i="9"/>
  <c r="G448" i="9"/>
  <c r="G461" i="9"/>
  <c r="G479" i="9"/>
  <c r="G232" i="9"/>
  <c r="G250" i="9"/>
  <c r="F481" i="9"/>
  <c r="G254" i="9"/>
  <c r="G483" i="9"/>
  <c r="F245" i="9"/>
  <c r="F461" i="9"/>
  <c r="F485" i="9"/>
  <c r="F492" i="9"/>
  <c r="F457" i="9"/>
  <c r="F466" i="9"/>
  <c r="G241" i="9"/>
  <c r="G430" i="9"/>
  <c r="G436" i="9"/>
  <c r="F444" i="9"/>
  <c r="G457" i="9"/>
  <c r="F463" i="9"/>
  <c r="F483" i="9"/>
  <c r="G167" i="8"/>
  <c r="F12" i="9"/>
  <c r="F19" i="9"/>
  <c r="F21" i="9"/>
  <c r="F23" i="9"/>
  <c r="F17" i="9"/>
  <c r="F25" i="9"/>
  <c r="F223" i="9"/>
  <c r="F451" i="9"/>
  <c r="F449" i="9"/>
  <c r="F447" i="9"/>
  <c r="F445" i="9"/>
  <c r="F443" i="9"/>
  <c r="F441" i="9"/>
  <c r="F439" i="9"/>
  <c r="F437" i="9"/>
  <c r="F435" i="9"/>
  <c r="F433" i="9"/>
  <c r="F431" i="9"/>
  <c r="F429" i="9"/>
  <c r="F450" i="9"/>
  <c r="F446" i="9"/>
  <c r="F442" i="9"/>
  <c r="F438" i="9"/>
  <c r="F434" i="9"/>
  <c r="F430" i="9"/>
  <c r="F233" i="9"/>
  <c r="F231" i="9"/>
  <c r="F229" i="9"/>
  <c r="F226" i="9"/>
  <c r="F224" i="9"/>
  <c r="F222" i="9"/>
  <c r="F220" i="9"/>
  <c r="F232" i="9"/>
  <c r="F228" i="9"/>
  <c r="F225" i="9"/>
  <c r="F221" i="9"/>
  <c r="G86" i="8"/>
  <c r="G81" i="8"/>
  <c r="G79" i="8"/>
  <c r="G76" i="8"/>
  <c r="G74" i="8"/>
  <c r="G72" i="8"/>
  <c r="G70" i="8"/>
  <c r="G87" i="8"/>
  <c r="G104" i="8"/>
  <c r="G102" i="8"/>
  <c r="F230" i="9"/>
  <c r="F255" i="9"/>
  <c r="F253" i="9"/>
  <c r="F251" i="9"/>
  <c r="F248" i="9"/>
  <c r="F246" i="9"/>
  <c r="F244" i="9"/>
  <c r="F242" i="9"/>
  <c r="F254" i="9"/>
  <c r="F250" i="9"/>
  <c r="F247" i="9"/>
  <c r="F243" i="9"/>
  <c r="F432" i="9"/>
  <c r="F448" i="9"/>
  <c r="F13" i="9"/>
  <c r="F16" i="9"/>
  <c r="F20" i="9"/>
  <c r="F24" i="9"/>
  <c r="G233" i="9"/>
  <c r="G231" i="9"/>
  <c r="G229" i="9"/>
  <c r="G226" i="9"/>
  <c r="G224" i="9"/>
  <c r="G222" i="9"/>
  <c r="G220" i="9"/>
  <c r="G230" i="9"/>
  <c r="G255" i="9"/>
  <c r="G253" i="9"/>
  <c r="G251" i="9"/>
  <c r="G248" i="9"/>
  <c r="G246" i="9"/>
  <c r="G244" i="9"/>
  <c r="G242" i="9"/>
  <c r="G252" i="9"/>
  <c r="G451" i="9"/>
  <c r="G449" i="9"/>
  <c r="G447" i="9"/>
  <c r="G445" i="9"/>
  <c r="G443" i="9"/>
  <c r="G441" i="9"/>
  <c r="G439" i="9"/>
  <c r="G437" i="9"/>
  <c r="G435" i="9"/>
  <c r="G433" i="9"/>
  <c r="G431" i="9"/>
  <c r="G429" i="9"/>
  <c r="G459" i="9"/>
  <c r="G463" i="9"/>
  <c r="G466" i="9"/>
  <c r="G481" i="9"/>
  <c r="G485" i="9"/>
  <c r="G488" i="9"/>
  <c r="F471" i="9"/>
  <c r="F469" i="9"/>
  <c r="F467" i="9"/>
  <c r="F464" i="9"/>
  <c r="F462" i="9"/>
  <c r="F460" i="9"/>
  <c r="F458" i="9"/>
  <c r="F468" i="9"/>
  <c r="F493" i="9"/>
  <c r="F491" i="9"/>
  <c r="F489" i="9"/>
  <c r="F486" i="9"/>
  <c r="F484" i="9"/>
  <c r="F482" i="9"/>
  <c r="F480" i="9"/>
  <c r="F490" i="9"/>
  <c r="F18" i="9"/>
  <c r="F22" i="9"/>
  <c r="G471" i="9"/>
  <c r="G469" i="9"/>
  <c r="G467" i="9"/>
  <c r="G464" i="9"/>
  <c r="G462" i="9"/>
  <c r="G460" i="9"/>
  <c r="G458" i="9"/>
  <c r="G468" i="9"/>
  <c r="G493" i="9"/>
  <c r="G491" i="9"/>
  <c r="G489" i="9"/>
  <c r="G486" i="9"/>
  <c r="G484" i="9"/>
  <c r="G482" i="9"/>
  <c r="G480" i="9"/>
  <c r="G490" i="9"/>
  <c r="F167" i="8" l="1"/>
  <c r="F77" i="8"/>
  <c r="F100" i="8"/>
  <c r="G214" i="9"/>
  <c r="G100" i="8"/>
  <c r="G452" i="9"/>
  <c r="G249" i="9"/>
  <c r="G465" i="9"/>
  <c r="G227" i="9"/>
  <c r="F15" i="9"/>
  <c r="F249" i="9"/>
  <c r="F452" i="9"/>
  <c r="F465" i="9"/>
  <c r="G487" i="9"/>
  <c r="F487" i="9"/>
  <c r="F227" i="9"/>
  <c r="G77" i="8"/>
  <c r="F214" i="9"/>
  <c r="G572" i="9" l="1"/>
  <c r="G585" i="9" s="1"/>
  <c r="G580" i="9"/>
  <c r="G578" i="9"/>
  <c r="G584" i="9"/>
  <c r="G573" i="9"/>
  <c r="G591" i="9"/>
  <c r="G575" i="9"/>
  <c r="G574" i="9"/>
  <c r="G582" i="9"/>
  <c r="G581" i="9"/>
  <c r="G576" i="9"/>
  <c r="G583" i="9"/>
  <c r="G577" i="9"/>
  <c r="G579" i="9"/>
  <c r="F584" i="9"/>
  <c r="F579" i="9"/>
  <c r="F575" i="9"/>
  <c r="F578" i="9"/>
  <c r="F582" i="9"/>
  <c r="F574" i="9"/>
  <c r="F583" i="9"/>
  <c r="F591" i="9"/>
  <c r="F581" i="9"/>
  <c r="F580" i="9"/>
  <c r="F576" i="9"/>
  <c r="F573" i="9"/>
  <c r="F585" i="9" s="1"/>
  <c r="F577" i="9"/>
  <c r="F572" i="9"/>
  <c r="C138" i="8" l="1"/>
  <c r="G224" i="8"/>
  <c r="G223" i="8"/>
  <c r="G227" i="8"/>
  <c r="G221" i="8"/>
  <c r="G225" i="8"/>
  <c r="G222" i="8"/>
  <c r="G226" i="8"/>
  <c r="G219" i="8"/>
  <c r="G218" i="8"/>
  <c r="G217" i="8"/>
  <c r="G220" i="8" l="1"/>
  <c r="D138" i="8"/>
  <c r="D157" i="8" s="1"/>
  <c r="C157" i="8"/>
  <c r="F149" i="8" l="1"/>
  <c r="F154" i="8"/>
  <c r="F138" i="8"/>
  <c r="F143" i="8"/>
  <c r="F155" i="8"/>
  <c r="F145" i="8"/>
  <c r="F160" i="8"/>
  <c r="F153" i="8"/>
  <c r="F147" i="8"/>
  <c r="F139" i="8"/>
  <c r="F162" i="8"/>
  <c r="F151" i="8"/>
  <c r="F141" i="8"/>
  <c r="F144" i="8"/>
  <c r="F158" i="8"/>
  <c r="F142" i="8"/>
  <c r="F161" i="8"/>
  <c r="F140" i="8"/>
  <c r="F150" i="8"/>
  <c r="F146" i="8"/>
  <c r="F156" i="8"/>
  <c r="F152" i="8"/>
  <c r="F159" i="8"/>
  <c r="F148" i="8"/>
  <c r="G149" i="8"/>
  <c r="G158" i="8"/>
  <c r="G147" i="8"/>
  <c r="G143" i="8"/>
  <c r="G160" i="8"/>
  <c r="G154" i="8"/>
  <c r="G151" i="8"/>
  <c r="G155" i="8"/>
  <c r="G146" i="8"/>
  <c r="G141" i="8"/>
  <c r="G142" i="8"/>
  <c r="G145" i="8"/>
  <c r="G162" i="8"/>
  <c r="G152" i="8"/>
  <c r="G139" i="8"/>
  <c r="G150" i="8"/>
  <c r="G148" i="8"/>
  <c r="G156" i="8"/>
  <c r="G159" i="8"/>
  <c r="G140" i="8"/>
  <c r="G161" i="8"/>
  <c r="G153" i="8"/>
  <c r="G138" i="8"/>
  <c r="G144" i="8"/>
  <c r="G157" i="8" l="1"/>
  <c r="F157" i="8"/>
  <c r="C176" i="8" l="1"/>
  <c r="C58" i="8"/>
  <c r="C47" i="8"/>
  <c r="C112" i="8" l="1"/>
  <c r="F223" i="8"/>
  <c r="D45" i="8"/>
  <c r="F221" i="8"/>
  <c r="F219" i="8"/>
  <c r="F218" i="8"/>
  <c r="F217" i="8"/>
  <c r="F227" i="8"/>
  <c r="F226" i="8"/>
  <c r="F225" i="8"/>
  <c r="F222" i="8"/>
  <c r="F224" i="8"/>
  <c r="F61" i="8"/>
  <c r="F56" i="8"/>
  <c r="F53" i="8"/>
  <c r="F57" i="8"/>
  <c r="F54" i="8"/>
  <c r="F55" i="8"/>
  <c r="F62" i="8"/>
  <c r="F60" i="8"/>
  <c r="F64" i="8"/>
  <c r="F63" i="8"/>
  <c r="F59" i="8"/>
  <c r="C193" i="8"/>
  <c r="C209" i="8" s="1"/>
  <c r="C179" i="8"/>
  <c r="F220" i="8" l="1"/>
  <c r="F58" i="8"/>
  <c r="F186" i="8"/>
  <c r="F175" i="8"/>
  <c r="F182" i="8"/>
  <c r="F176" i="8"/>
  <c r="F184" i="8"/>
  <c r="F177" i="8"/>
  <c r="F187" i="8"/>
  <c r="F180" i="8"/>
  <c r="F174" i="8"/>
  <c r="F183" i="8"/>
  <c r="F181" i="8"/>
  <c r="F185" i="8"/>
  <c r="F178" i="8"/>
  <c r="F215" i="8"/>
  <c r="F214" i="8"/>
  <c r="F201" i="8"/>
  <c r="F196" i="8"/>
  <c r="F210" i="8"/>
  <c r="F197" i="8"/>
  <c r="F204" i="8"/>
  <c r="F203" i="8"/>
  <c r="F198" i="8"/>
  <c r="F207" i="8"/>
  <c r="F212" i="8"/>
  <c r="F208" i="8"/>
  <c r="F193" i="8"/>
  <c r="F200" i="8"/>
  <c r="F202" i="8"/>
  <c r="F195" i="8"/>
  <c r="F194" i="8"/>
  <c r="F199" i="8"/>
  <c r="F211" i="8"/>
  <c r="F206" i="8"/>
  <c r="F205" i="8"/>
  <c r="F213" i="8"/>
  <c r="D112" i="8"/>
  <c r="D131" i="8" s="1"/>
  <c r="C131" i="8"/>
  <c r="F179" i="8" l="1"/>
  <c r="F209" i="8"/>
  <c r="F136" i="8"/>
  <c r="F134" i="8"/>
  <c r="F126" i="8"/>
  <c r="F130" i="8"/>
  <c r="F133" i="8"/>
  <c r="F117" i="8"/>
  <c r="F125" i="8"/>
  <c r="F122" i="8"/>
  <c r="F121" i="8"/>
  <c r="F113" i="8"/>
  <c r="F135" i="8"/>
  <c r="F114" i="8"/>
  <c r="F123" i="8"/>
  <c r="F118" i="8"/>
  <c r="F120" i="8"/>
  <c r="F132" i="8"/>
  <c r="F129" i="8"/>
  <c r="F127" i="8"/>
  <c r="F112" i="8"/>
  <c r="F124" i="8"/>
  <c r="F128" i="8"/>
  <c r="F119" i="8"/>
  <c r="F116" i="8"/>
  <c r="F115" i="8"/>
  <c r="G117" i="8"/>
  <c r="G121" i="8"/>
  <c r="G136" i="8"/>
  <c r="G119" i="8"/>
  <c r="G114" i="8"/>
  <c r="G132" i="8"/>
  <c r="G129" i="8"/>
  <c r="G126" i="8"/>
  <c r="G122" i="8"/>
  <c r="G118" i="8"/>
  <c r="G115" i="8"/>
  <c r="G130" i="8"/>
  <c r="G123" i="8"/>
  <c r="G135" i="8"/>
  <c r="G113" i="8"/>
  <c r="G120" i="8"/>
  <c r="G134" i="8"/>
  <c r="G128" i="8"/>
  <c r="G127" i="8"/>
  <c r="G112" i="8"/>
  <c r="G116" i="8"/>
  <c r="G125" i="8"/>
  <c r="G124" i="8"/>
  <c r="G133" i="8"/>
  <c r="F131" i="8" l="1"/>
  <c r="G131" i="8"/>
</calcChain>
</file>

<file path=xl/sharedStrings.xml><?xml version="1.0" encoding="utf-8"?>
<sst xmlns="http://schemas.openxmlformats.org/spreadsheetml/2006/main" count="3231" uniqueCount="1994">
  <si>
    <t>Country</t>
  </si>
  <si>
    <t>Norway</t>
  </si>
  <si>
    <t>Italy</t>
  </si>
  <si>
    <t>G.3.1.1</t>
  </si>
  <si>
    <t>G.5.1.1</t>
  </si>
  <si>
    <t>Sweden</t>
  </si>
  <si>
    <t>M.7A.14.1</t>
  </si>
  <si>
    <t>G.3.2.1</t>
  </si>
  <si>
    <t>G.3.9.2</t>
  </si>
  <si>
    <t>G.3.9.6</t>
  </si>
  <si>
    <t>G.3.13.1</t>
  </si>
  <si>
    <t>Canada</t>
  </si>
  <si>
    <t>Harmonised Transparency Template</t>
  </si>
  <si>
    <t>Index</t>
  </si>
  <si>
    <t>Worksheet A: HTT General</t>
  </si>
  <si>
    <t>Tab 1: Harmonised Transparency Template</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Completion Instructions</t>
  </si>
  <si>
    <t>Please delete this tab once you have completed this file</t>
  </si>
  <si>
    <t xml:space="preserve">(i)   ND1: Please complete the cell with ND1 when the information is not applicable for the jurisdiction </t>
  </si>
  <si>
    <t>(ii)  ND2: Please complete the cell with ND2 when the information is not relevant for the issuer and/or CB programme at the present time</t>
  </si>
  <si>
    <t>(iii) ND3: Please complete the cell with ND3 when the information is not available at the present time</t>
  </si>
  <si>
    <t>Please do not forget to change the name of the worksheet in order to be consistent with the numbering of the existing ones (starting with D.).</t>
  </si>
  <si>
    <t>Please update the Introduction Tab accordingly.</t>
  </si>
  <si>
    <t>Please update the introduction Tab accordingly.</t>
  </si>
  <si>
    <t>How to import an excel worksheet</t>
  </si>
  <si>
    <t>1. Click on the tab of the worksheet you want to import</t>
  </si>
  <si>
    <t>3. Select the excel file where you want to transfer your worksheet from the dropdown menu</t>
  </si>
  <si>
    <t>2. Select "Move or Copy"</t>
  </si>
  <si>
    <t>4. In the box Before Sheet, please select "(move to end)"</t>
  </si>
  <si>
    <t>5. Do not forget to tick the "Create a copy" box and press ok</t>
  </si>
  <si>
    <t>Frequently Asked Questions (FAQ)</t>
  </si>
  <si>
    <t>Harmonised Transparency Template - Frequently Asked Questions</t>
  </si>
  <si>
    <t>General Questions</t>
  </si>
  <si>
    <t>Question 1: What is the structure of the Harmonised Transparency Template (HTT)?</t>
  </si>
  <si>
    <t>Response 1</t>
  </si>
  <si>
    <t xml:space="preserve">The HTT contains 5 main worksheets (A, B1, B2, B3 and C). The first worksheet (A) includes the HTT general information. The second worksheet (B1) presents the mortgage information. The third worksheet (B2) contains the public sector information. The fourth worksheet (B3) contains shipping information.The fifth worksheet (C) represents the HTT glossary, which has a harmonised section across jurisdictionsat the top, but also a section for national specificities below. Any additional tabs (D, E, etc.), will contain the National Transparency Template (NTT) information where relevant. </t>
  </si>
  <si>
    <t>Question 2: Is the HTT going to replace the National Transparency Template (NTT)?</t>
  </si>
  <si>
    <t>Response 2</t>
  </si>
  <si>
    <t>Question 3: What is the reporting frequency of the HTT?</t>
  </si>
  <si>
    <t>Response 3</t>
  </si>
  <si>
    <t xml:space="preserve">The reporting of the HTT is the same as the reporting of the National Transparency Template (NTT), i.e. at least quarterly. </t>
  </si>
  <si>
    <t>Question 4: Where should the HTT be posted?</t>
  </si>
  <si>
    <t>Response 4</t>
  </si>
  <si>
    <r>
      <t>The HTT shoul</t>
    </r>
    <r>
      <rPr>
        <sz val="11"/>
        <rFont val="Calibri"/>
        <family val="2"/>
        <scheme val="minor"/>
      </rPr>
      <t>d be posted in the same location as the National Transparency Template (NTT) is currently posted, i.e. on the issuer's website. There is no common platform for the HTT.</t>
    </r>
  </si>
  <si>
    <t>Question 5: In what format the HTT should be disclosed?</t>
  </si>
  <si>
    <t>Response 5</t>
  </si>
  <si>
    <t>The HTT should be disclosed in Excel format in so far as it is possible, as already suggested by the Label Advisory Council and investors. Where issuers are currently providing the Template in both Excel and PDF formats, they are encouraged to continue to do so.</t>
  </si>
  <si>
    <t>Question 6: Where can I find the reporting date?</t>
  </si>
  <si>
    <t>Response 6</t>
  </si>
  <si>
    <t>The reporting date can be found in the Introduction Tab and in the "Basic Facts" section of worksheet A.</t>
  </si>
  <si>
    <t>Question 7: What happens when I cannot complete a section of the HTT?</t>
  </si>
  <si>
    <t>Response 7</t>
  </si>
  <si>
    <t>Specific Questions</t>
  </si>
  <si>
    <t>Question 8: Does the Harmonised Transparency Template only contain disaggregated information for mortgages and public sector?</t>
  </si>
  <si>
    <t>Response 8</t>
  </si>
  <si>
    <t>Indeed, the HTT only provides disaggregated information for mortgage and public sector assets which represent 99.6% of total outstanding. Information in more detail on other collateral types can always be included in worksheet E, which may contains the National Transparency Template (NTT).</t>
  </si>
  <si>
    <t>Question 9: How should the "liquid assets" be calculated in the section 3 "General Cover Pool / Covered Bond Information" of the HTT?</t>
  </si>
  <si>
    <t>Response 9</t>
  </si>
  <si>
    <t>Response 10</t>
  </si>
  <si>
    <t xml:space="preserve">Contractual maturities assume no prepayment scenario unlike expected maturities.  Jurisdictions/issuers publishing the two should disclosed their prepayment assumptions for the latter.  </t>
  </si>
  <si>
    <t>Question 11: How should the hedging columns included in section 3 "General Cover Pool / Covered Bond Information" of the HTT be understood?</t>
  </si>
  <si>
    <t>Response 11</t>
  </si>
  <si>
    <t xml:space="preserve">The currency breakdown before/after hedging aims to assess the potential currency mismatch on the asset and liability sides. This is supplemented by explanations on the issuer's hedging strategy in the Harmonised Glossary.  </t>
  </si>
  <si>
    <t>Reporting in Domestic Currency</t>
  </si>
  <si>
    <t>CONTENT OF TAB A</t>
  </si>
  <si>
    <t>1. Basic Facts</t>
  </si>
  <si>
    <t>2. Regulatory Summary</t>
  </si>
  <si>
    <t>3. General Cover Pool / Covered Bond Information</t>
  </si>
  <si>
    <t>`</t>
  </si>
  <si>
    <t>5. References to Capital Requirements Regulation (CRR) 129(1)</t>
  </si>
  <si>
    <t>6. Other relevant information</t>
  </si>
  <si>
    <t>Field Number</t>
  </si>
  <si>
    <t>G.1.1.1</t>
  </si>
  <si>
    <t>[For completion]</t>
  </si>
  <si>
    <t>G.1.1.2</t>
  </si>
  <si>
    <t>Issuer Name</t>
  </si>
  <si>
    <t>G.1.1.3</t>
  </si>
  <si>
    <t>Link to Issuer's Website</t>
  </si>
  <si>
    <t>G.1.1.4</t>
  </si>
  <si>
    <t>Cut-off date</t>
  </si>
  <si>
    <t>Optional information e.g. Contact names</t>
  </si>
  <si>
    <t>OG.1.1.2</t>
  </si>
  <si>
    <t>Optional information e.g. Parent name</t>
  </si>
  <si>
    <t>OG.1.1.3</t>
  </si>
  <si>
    <t>OG.1.1.4</t>
  </si>
  <si>
    <t>OG.1.1.5</t>
  </si>
  <si>
    <t>OG.1.1.6</t>
  </si>
  <si>
    <t>OG.1.1.7</t>
  </si>
  <si>
    <t>G.2.1.1</t>
  </si>
  <si>
    <t>G.2.1.2</t>
  </si>
  <si>
    <t>CRR Compliance (Y/N)</t>
  </si>
  <si>
    <t>G.2.1.3</t>
  </si>
  <si>
    <t>LCR status</t>
  </si>
  <si>
    <t>OG.2.1.1</t>
  </si>
  <si>
    <t>OG.2.1.2</t>
  </si>
  <si>
    <t>OG.2.1.3</t>
  </si>
  <si>
    <t>OG.2.1.4</t>
  </si>
  <si>
    <t>OG.2.1.5</t>
  </si>
  <si>
    <t>OG.2.1.6</t>
  </si>
  <si>
    <t>1.General Information</t>
  </si>
  <si>
    <t>Nominal (mn)</t>
  </si>
  <si>
    <t>G.3.1.2</t>
  </si>
  <si>
    <t>Outstanding Covered Bonds</t>
  </si>
  <si>
    <t>OG.3.1.1</t>
  </si>
  <si>
    <t>Cover Pool Size [NPV] (mn)</t>
  </si>
  <si>
    <t>[Mark as ND1 if not relevant]</t>
  </si>
  <si>
    <t>OG.3.1.2</t>
  </si>
  <si>
    <t>Outstanding Covered Bonds [NPV] (mn)</t>
  </si>
  <si>
    <t>OG.3.1.3</t>
  </si>
  <si>
    <t xml:space="preserve">2. Over-collateralisation (OC) </t>
  </si>
  <si>
    <t>Purpose</t>
  </si>
  <si>
    <t>OC (%)</t>
  </si>
  <si>
    <t>OG.3.2.1</t>
  </si>
  <si>
    <t>Optional information e.g. Asset Coverage Test (ACT)</t>
  </si>
  <si>
    <t>OG.3.2.2</t>
  </si>
  <si>
    <t>Optional information e.g. OC (NPV basis)</t>
  </si>
  <si>
    <t>OG.3.2.3</t>
  </si>
  <si>
    <t>OG.3.2.4</t>
  </si>
  <si>
    <t>3. Cover Pool Composition</t>
  </si>
  <si>
    <t>% Cover Pool</t>
  </si>
  <si>
    <t>G.3.3.1</t>
  </si>
  <si>
    <t>Mortgages</t>
  </si>
  <si>
    <t>G.3.3.2</t>
  </si>
  <si>
    <t xml:space="preserve">Public Sector </t>
  </si>
  <si>
    <t>G.3.3.3</t>
  </si>
  <si>
    <t>Shipping</t>
  </si>
  <si>
    <t>G.3.3.4</t>
  </si>
  <si>
    <t>Substitute Assets</t>
  </si>
  <si>
    <t>G.3.3.5</t>
  </si>
  <si>
    <t>Other</t>
  </si>
  <si>
    <t>G.3.3.6</t>
  </si>
  <si>
    <t>Total</t>
  </si>
  <si>
    <t>OG.3.3.1</t>
  </si>
  <si>
    <t>o/w [If relevant, please specify]</t>
  </si>
  <si>
    <t>OG.3.3.2</t>
  </si>
  <si>
    <t>OG.3.3.3</t>
  </si>
  <si>
    <t>OG.3.3.4</t>
  </si>
  <si>
    <t>OG.3.3.5</t>
  </si>
  <si>
    <t>OG.3.3.6</t>
  </si>
  <si>
    <t>4. Cover Pool Amortisation Profile</t>
  </si>
  <si>
    <t>% Total Contractual</t>
  </si>
  <si>
    <t>% Total Expected Upon Prepayments</t>
  </si>
  <si>
    <t>G.3.4.1</t>
  </si>
  <si>
    <t>Weighted Average life (in years)</t>
  </si>
  <si>
    <t>By buckets:</t>
  </si>
  <si>
    <t>G.3.4.2</t>
  </si>
  <si>
    <t>G.3.4.3</t>
  </si>
  <si>
    <t>G.3.4.4</t>
  </si>
  <si>
    <t>G.3.4.5</t>
  </si>
  <si>
    <t>G.3.4.6</t>
  </si>
  <si>
    <t>G.3.4.7</t>
  </si>
  <si>
    <t>G.3.4.8</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 Total Initial Maturity </t>
  </si>
  <si>
    <t>% Total Extended Maturity</t>
  </si>
  <si>
    <t>G.3.5.1</t>
  </si>
  <si>
    <t>G.3.5.2</t>
  </si>
  <si>
    <t>G.3.5.3</t>
  </si>
  <si>
    <t>G.3.5.4</t>
  </si>
  <si>
    <t>G.3.5.5</t>
  </si>
  <si>
    <t>G.3.5.6</t>
  </si>
  <si>
    <t>G.3.5.7</t>
  </si>
  <si>
    <t>G.3.5.8</t>
  </si>
  <si>
    <t>G.3.5.9</t>
  </si>
  <si>
    <t>G.3.5.10</t>
  </si>
  <si>
    <t>OG.3.5.1</t>
  </si>
  <si>
    <t>OG.3.5.2</t>
  </si>
  <si>
    <t>OG.3.5.3</t>
  </si>
  <si>
    <t>OG.3.5.4</t>
  </si>
  <si>
    <t>OG.3.5.5</t>
  </si>
  <si>
    <t>OG.3.5.6</t>
  </si>
  <si>
    <t>OG.3.5.7</t>
  </si>
  <si>
    <t>OG.3.5.8</t>
  </si>
  <si>
    <t>OG.3.5.9</t>
  </si>
  <si>
    <t>OG.3.5.10</t>
  </si>
  <si>
    <t>Nominal [before hedging] (mn)</t>
  </si>
  <si>
    <t>Nominal [after hedging] (mn)</t>
  </si>
  <si>
    <t>% Total [before]</t>
  </si>
  <si>
    <t>% Total [after]</t>
  </si>
  <si>
    <t>G.3.6.1</t>
  </si>
  <si>
    <t>EUR</t>
  </si>
  <si>
    <t>G.3.6.2</t>
  </si>
  <si>
    <t>G.3.6.3</t>
  </si>
  <si>
    <t>G.3.6.4</t>
  </si>
  <si>
    <t>NOK</t>
  </si>
  <si>
    <t>G.3.6.5</t>
  </si>
  <si>
    <t>G.3.6.6</t>
  </si>
  <si>
    <t>G.3.6.7</t>
  </si>
  <si>
    <t>G.3.6.8</t>
  </si>
  <si>
    <t>BRL</t>
  </si>
  <si>
    <t>G.3.6.9</t>
  </si>
  <si>
    <t>CZK</t>
  </si>
  <si>
    <t>G.3.6.10</t>
  </si>
  <si>
    <t>DKK</t>
  </si>
  <si>
    <t>G.3.6.11</t>
  </si>
  <si>
    <t>HKD</t>
  </si>
  <si>
    <t>G.3.6.12</t>
  </si>
  <si>
    <t>KRW</t>
  </si>
  <si>
    <t>G.3.6.13</t>
  </si>
  <si>
    <t>SEK</t>
  </si>
  <si>
    <t>G.3.6.14</t>
  </si>
  <si>
    <t>SGD</t>
  </si>
  <si>
    <t>G.3.6.15</t>
  </si>
  <si>
    <t>G.3.6.16</t>
  </si>
  <si>
    <t>OG.3.6.1</t>
  </si>
  <si>
    <t>OG.3.6.2</t>
  </si>
  <si>
    <t>OG.3.6.3</t>
  </si>
  <si>
    <t>OG.3.6.4</t>
  </si>
  <si>
    <t>OG.3.6.5</t>
  </si>
  <si>
    <t>OG.3.6.6</t>
  </si>
  <si>
    <t xml:space="preserve">7. Covered Bonds - Currency </t>
  </si>
  <si>
    <t>G.3.7.1</t>
  </si>
  <si>
    <t>G.3.7.2</t>
  </si>
  <si>
    <t>G.3.7.3</t>
  </si>
  <si>
    <t>G.3.7.4</t>
  </si>
  <si>
    <t>G.3.7.5</t>
  </si>
  <si>
    <t>G.3.7.6</t>
  </si>
  <si>
    <t>G.3.7.7</t>
  </si>
  <si>
    <t>G.3.7.8</t>
  </si>
  <si>
    <t>G.3.7.9</t>
  </si>
  <si>
    <t>G.3.7.10</t>
  </si>
  <si>
    <t>G.3.7.11</t>
  </si>
  <si>
    <t>G.3.7.12</t>
  </si>
  <si>
    <t>G.3.7.13</t>
  </si>
  <si>
    <t>G.3.7.14</t>
  </si>
  <si>
    <t>G.3.7.15</t>
  </si>
  <si>
    <t>G.3.7.16</t>
  </si>
  <si>
    <t>OG.3.7.1</t>
  </si>
  <si>
    <t>OG.3.7.2</t>
  </si>
  <si>
    <t>OG.3.7.3</t>
  </si>
  <si>
    <t>OG.3.7.4</t>
  </si>
  <si>
    <t>OG.3.7.5</t>
  </si>
  <si>
    <t>OG.3.7.6</t>
  </si>
  <si>
    <t xml:space="preserve">8. Covered Bonds - Breakdown by interest rate </t>
  </si>
  <si>
    <t>% Covered Bonds</t>
  </si>
  <si>
    <t>G.3.8.1</t>
  </si>
  <si>
    <t>Fixed coupon</t>
  </si>
  <si>
    <t>G.3.8.2</t>
  </si>
  <si>
    <t>Floating coupon</t>
  </si>
  <si>
    <t>G.3.8.3</t>
  </si>
  <si>
    <t>G.3.8.4</t>
  </si>
  <si>
    <t>OG.3.8.1</t>
  </si>
  <si>
    <t>OG.3.8.2</t>
  </si>
  <si>
    <t>OG.3.8.3</t>
  </si>
  <si>
    <t>OG.3.8.4</t>
  </si>
  <si>
    <t>OG.3.8.5</t>
  </si>
  <si>
    <t>9. Substitute Assets - Type</t>
  </si>
  <si>
    <t>% Substitute Assets</t>
  </si>
  <si>
    <t>G.3.9.1</t>
  </si>
  <si>
    <t>Cash</t>
  </si>
  <si>
    <t>G.3.9.3</t>
  </si>
  <si>
    <t>Exposures to central banks</t>
  </si>
  <si>
    <t>G.3.9.4</t>
  </si>
  <si>
    <t>Exposures to credit institutions</t>
  </si>
  <si>
    <t>G.3.9.5</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13. Derivatives &amp; Swaps</t>
  </si>
  <si>
    <t>G.3.13.2</t>
  </si>
  <si>
    <t>Type of interest rate swaps (intra-group, external or both)</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G.4.1.1</t>
  </si>
  <si>
    <t>G.4.1.2</t>
  </si>
  <si>
    <t>G.4.1.3</t>
  </si>
  <si>
    <t>G.4.1.4</t>
  </si>
  <si>
    <t>G.4.1.5</t>
  </si>
  <si>
    <t>G.4.1.6</t>
  </si>
  <si>
    <t>G.4.1.7</t>
  </si>
  <si>
    <t>G.4.1.8</t>
  </si>
  <si>
    <t>G.4.1.9</t>
  </si>
  <si>
    <t>G.4.1.10</t>
  </si>
  <si>
    <t>G.4.1.11</t>
  </si>
  <si>
    <t>G.4.1.12</t>
  </si>
  <si>
    <t>G.4.1.13</t>
  </si>
  <si>
    <t>OG.4.1.1</t>
  </si>
  <si>
    <t>OG.4.1.2</t>
  </si>
  <si>
    <t>OG.4.1.3</t>
  </si>
  <si>
    <t>OG.5.1.1</t>
  </si>
  <si>
    <t>OG.5.1.2</t>
  </si>
  <si>
    <t>OG.5.1.3</t>
  </si>
  <si>
    <t>OG.5.1.4</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M.7.1.3</t>
  </si>
  <si>
    <t>OM.7.1.4</t>
  </si>
  <si>
    <t>OM.7.1.5</t>
  </si>
  <si>
    <t>OM.7.1.6</t>
  </si>
  <si>
    <t>OM.7.1.7</t>
  </si>
  <si>
    <t>OM.7.1.8</t>
  </si>
  <si>
    <t>OM.7.1.9</t>
  </si>
  <si>
    <t>OM.7.1.10</t>
  </si>
  <si>
    <t>OM.7.1.11</t>
  </si>
  <si>
    <t>2. General Informati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United Kingdom</t>
  </si>
  <si>
    <t>M.7.4.30</t>
  </si>
  <si>
    <t>M.7.4.31</t>
  </si>
  <si>
    <t>Iceland</t>
  </si>
  <si>
    <t>M.7.4.32</t>
  </si>
  <si>
    <t>Liechtenstein</t>
  </si>
  <si>
    <t>M.7.4.34</t>
  </si>
  <si>
    <t>M.7.4.35</t>
  </si>
  <si>
    <t>M.7.4.36</t>
  </si>
  <si>
    <t>M.7.4.37</t>
  </si>
  <si>
    <t>M.7.4.38</t>
  </si>
  <si>
    <t>M.7.4.39</t>
  </si>
  <si>
    <t>M.7.4.40</t>
  </si>
  <si>
    <t>M.7.4.41</t>
  </si>
  <si>
    <t>M.7.4.42</t>
  </si>
  <si>
    <t>M.7.4.43</t>
  </si>
  <si>
    <t>M.7.4.44</t>
  </si>
  <si>
    <t>OM.7.4.1</t>
  </si>
  <si>
    <t>OM.7.4.2</t>
  </si>
  <si>
    <t>OM.7.4.3</t>
  </si>
  <si>
    <t>OM.7.4.4</t>
  </si>
  <si>
    <t>OM.7.4.5</t>
  </si>
  <si>
    <t>OM.7.4.6</t>
  </si>
  <si>
    <t>OM.7.4.7</t>
  </si>
  <si>
    <t>OM.7.4.8</t>
  </si>
  <si>
    <t>OM.7.4.9</t>
  </si>
  <si>
    <t>OM.7.4.10</t>
  </si>
  <si>
    <t>M.7.5.1</t>
  </si>
  <si>
    <t>TBC at a country level</t>
  </si>
  <si>
    <t>M.7.5.2</t>
  </si>
  <si>
    <t>M.7.5.3</t>
  </si>
  <si>
    <t>M.7.5.4</t>
  </si>
  <si>
    <t>M.7.5.5</t>
  </si>
  <si>
    <t>M.7.5.6</t>
  </si>
  <si>
    <t>M.7.5.7</t>
  </si>
  <si>
    <t>M.7.5.8</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M.7.8.3</t>
  </si>
  <si>
    <t>M.7.8.4</t>
  </si>
  <si>
    <t>M.7.8.5</t>
  </si>
  <si>
    <t>OM.7.8.1</t>
  </si>
  <si>
    <t>OM.7.8.2</t>
  </si>
  <si>
    <t>OM.7.8.3</t>
  </si>
  <si>
    <t>OM.7.8.4</t>
  </si>
  <si>
    <t>9. Non-Performing Loans (NPLs)</t>
  </si>
  <si>
    <t>M.7.9.1</t>
  </si>
  <si>
    <t>% NPLs</t>
  </si>
  <si>
    <t>OM.7.9.1</t>
  </si>
  <si>
    <t>OM.7.9.2</t>
  </si>
  <si>
    <t>OM.7.9.3</t>
  </si>
  <si>
    <t>10. Loan Size Information</t>
  </si>
  <si>
    <t>Nominal</t>
  </si>
  <si>
    <t>Number of Loans</t>
  </si>
  <si>
    <t>% No. of Loans</t>
  </si>
  <si>
    <t>M.7A.10.1</t>
  </si>
  <si>
    <t>Average loan size (000s)</t>
  </si>
  <si>
    <t>By buckets (mn):</t>
  </si>
  <si>
    <t>M.7A.10.2</t>
  </si>
  <si>
    <t>M.7A.10.3</t>
  </si>
  <si>
    <t>M.7A.10.4</t>
  </si>
  <si>
    <t>M.7A.10.5</t>
  </si>
  <si>
    <t>M.7A.10.6</t>
  </si>
  <si>
    <t>M.7A.10.7</t>
  </si>
  <si>
    <t>M.7A.10.8</t>
  </si>
  <si>
    <t>M.7A.10.9</t>
  </si>
  <si>
    <t>M.7A.10.10</t>
  </si>
  <si>
    <t>M.7A.10.11</t>
  </si>
  <si>
    <t>M.7A.10.12</t>
  </si>
  <si>
    <t>M.7A.10.13</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M.7A.13.2</t>
  </si>
  <si>
    <t>Second home/Holiday houses</t>
  </si>
  <si>
    <t>M.7A.13.3</t>
  </si>
  <si>
    <t>Buy-to-let/Non-owner occupied</t>
  </si>
  <si>
    <t>M.7A.13.4</t>
  </si>
  <si>
    <t>OM.7A.13.1</t>
  </si>
  <si>
    <t>OM.7A.13.2</t>
  </si>
  <si>
    <t>o/w Private rental</t>
  </si>
  <si>
    <t>OM.7A.13.3</t>
  </si>
  <si>
    <t xml:space="preserve">o/w Multi-family housing </t>
  </si>
  <si>
    <t>OM.7A.13.4</t>
  </si>
  <si>
    <t xml:space="preserve">o/w Buildings under construction </t>
  </si>
  <si>
    <t>OM.7A.13.5</t>
  </si>
  <si>
    <t>o/w Buildings land</t>
  </si>
  <si>
    <t>OM.7A.13.6</t>
  </si>
  <si>
    <t>OM.7A.13.7</t>
  </si>
  <si>
    <t>OM.7A.13.8</t>
  </si>
  <si>
    <t>OM.7A.13.9</t>
  </si>
  <si>
    <t>OM.7A.13.10</t>
  </si>
  <si>
    <t>14. Loan by Ranking</t>
  </si>
  <si>
    <t>M.7A.14.2</t>
  </si>
  <si>
    <t>Guaranteed</t>
  </si>
  <si>
    <t>M.7A.14.3</t>
  </si>
  <si>
    <t>OM.7A.14.1</t>
  </si>
  <si>
    <t>OM.7A.14.2</t>
  </si>
  <si>
    <t>OM.7A.14.3</t>
  </si>
  <si>
    <t>OM.7A.14.4</t>
  </si>
  <si>
    <t>OM.7A.14.5</t>
  </si>
  <si>
    <t>OM.7A.14.6</t>
  </si>
  <si>
    <t>% Commercial loans</t>
  </si>
  <si>
    <t>Retail</t>
  </si>
  <si>
    <t>Office</t>
  </si>
  <si>
    <t>Hotel/Tourism</t>
  </si>
  <si>
    <t>Shopping malls</t>
  </si>
  <si>
    <t>Industry</t>
  </si>
  <si>
    <t>Agriculture</t>
  </si>
  <si>
    <t>Other commercially used</t>
  </si>
  <si>
    <t>Land</t>
  </si>
  <si>
    <t>1. General Information</t>
  </si>
  <si>
    <t>% Public Sector Assets</t>
  </si>
  <si>
    <t>% Shipping Loans</t>
  </si>
  <si>
    <t>C. Harmonised Transparency Template - Glossary</t>
  </si>
  <si>
    <t>The definitions below reflect the national specificities</t>
  </si>
  <si>
    <t>1. Glossary - Standard Harmonised Items</t>
  </si>
  <si>
    <t>HG.1.1</t>
  </si>
  <si>
    <t>HG.1.2</t>
  </si>
  <si>
    <t>HG.1.3</t>
  </si>
  <si>
    <t>HG.1.4</t>
  </si>
  <si>
    <t>Interest Rate Types</t>
  </si>
  <si>
    <t>HG.1.5</t>
  </si>
  <si>
    <t>HG.1.6</t>
  </si>
  <si>
    <t xml:space="preserve">Maturity Buckets of Covered Bonds [i.e. how is the contractual and/or expected maturity defined? What maturity structure (hard bullet, soft bullet, conditional pass through)? Under what conditions/circumstances? Etc.] </t>
  </si>
  <si>
    <t>HG.1.7</t>
  </si>
  <si>
    <t>LTVs: Definition</t>
  </si>
  <si>
    <t>HG.1.8</t>
  </si>
  <si>
    <t>LTVs: Calculation of property/shipping value</t>
  </si>
  <si>
    <t>HG.1.9</t>
  </si>
  <si>
    <t>LTVs: Applied property/shipping valuation techniques, including whether use of index, Automated Valuation Model (AVM) or on-site audits</t>
  </si>
  <si>
    <t>HG.1.10</t>
  </si>
  <si>
    <t>LTVs: Frequency and time of last valuation</t>
  </si>
  <si>
    <t>HG.1.11</t>
  </si>
  <si>
    <t>Explain how mortgage types are defined whether for residential housing, multi-family housing, commercial real estate, etc. Same for shipping where relecvant</t>
  </si>
  <si>
    <t>HG.1.12</t>
  </si>
  <si>
    <t>Hedging Strategy (please explain how you address interest rate and currency risk)</t>
  </si>
  <si>
    <t>HG.1.13</t>
  </si>
  <si>
    <t>Non-performing loans</t>
  </si>
  <si>
    <t>OHG.1.1</t>
  </si>
  <si>
    <t>NPV assumptions (when stated)</t>
  </si>
  <si>
    <t>OHG.1.2</t>
  </si>
  <si>
    <t>OHG.1.3</t>
  </si>
  <si>
    <t>OHG.1.4</t>
  </si>
  <si>
    <t>OHG.1.5</t>
  </si>
  <si>
    <t>Value</t>
  </si>
  <si>
    <t>HG.2.1</t>
  </si>
  <si>
    <t xml:space="preserve">Not applicable for the jurisdiction </t>
  </si>
  <si>
    <t>ND1</t>
  </si>
  <si>
    <t>HG.2.2</t>
  </si>
  <si>
    <t>Not relevant for the issuer and/or CB programme at the present time</t>
  </si>
  <si>
    <t>ND2</t>
  </si>
  <si>
    <t>HG.2.3</t>
  </si>
  <si>
    <t>Not available at the present time</t>
  </si>
  <si>
    <t>ND3</t>
  </si>
  <si>
    <t>OHG.2.1</t>
  </si>
  <si>
    <t>OHG.2.2</t>
  </si>
  <si>
    <t>HG.3.1</t>
  </si>
  <si>
    <t>Other definitions deemed relevant</t>
  </si>
  <si>
    <t>OHG.3.1</t>
  </si>
  <si>
    <t>OHG.3.2</t>
  </si>
  <si>
    <t>OHG.3.3</t>
  </si>
  <si>
    <t xml:space="preserve">Disclaimer - Important notices </t>
  </si>
  <si>
    <t>(i) The Product Information displayed on this Site has been uploaded by the Issuers of the relevant Products. None of the information displayed on this Site shall form the basis of any contract. Any User of this Site will be required to acknowledge that it has not relied on, or been induced to enter into any contract by, any representation or warranty.</t>
  </si>
  <si>
    <t>(ii) The Covered Bond Label Foundation has not independently verified the Product Information displayed on this Site. Accordingly, no representation, warranty or undertaking, express or implied, is made, and no responsibility is accepted, by the Covered Bond Label Foundation as to or in relation to the accuracy or completeness or otherwise of such Product Information."</t>
  </si>
  <si>
    <t>(iii) The information provided on or accessible through the Site is not intended for distribution to, or use by, any person or entity in any jurisdiction where such distribution or use would be contrary to local law, or which would subject us or any Issuer, to any authorisation, registration or other requirement within such jurisdiction. You agree not to use or export the information or materials available on or through this Site in violation of laws in your jurisdiction.</t>
  </si>
  <si>
    <t>TERMS OF USE</t>
  </si>
  <si>
    <r>
      <t>The Site is intended for use as a directory of information relating to certain covered bond products ("</t>
    </r>
    <r>
      <rPr>
        <b/>
        <sz val="13"/>
        <color rgb="FF1E1B1D"/>
        <rFont val="Calibri"/>
        <family val="2"/>
        <scheme val="minor"/>
      </rPr>
      <t>Products</t>
    </r>
    <r>
      <rPr>
        <sz val="13"/>
        <color rgb="FF1E1B1D"/>
        <rFont val="Calibri"/>
        <family val="2"/>
        <scheme val="minor"/>
      </rPr>
      <t>") (the "</t>
    </r>
    <r>
      <rPr>
        <b/>
        <sz val="13"/>
        <color rgb="FF1E1B1D"/>
        <rFont val="Calibri"/>
        <family val="2"/>
        <scheme val="minor"/>
      </rPr>
      <t>Product Information</t>
    </r>
    <r>
      <rPr>
        <sz val="13"/>
        <color rgb="FF1E1B1D"/>
        <rFont val="Calibri"/>
        <family val="2"/>
        <scheme val="minor"/>
      </rPr>
      <t>") by an issuer of ("</t>
    </r>
    <r>
      <rPr>
        <b/>
        <sz val="13"/>
        <color rgb="FF1E1B1D"/>
        <rFont val="Calibri"/>
        <family val="2"/>
        <scheme val="minor"/>
      </rPr>
      <t>Issuer</t>
    </r>
    <r>
      <rPr>
        <sz val="13"/>
        <color rgb="FF1E1B1D"/>
        <rFont val="Calibri"/>
        <family val="2"/>
        <scheme val="minor"/>
      </rPr>
      <t>"), or potential investor in ("</t>
    </r>
    <r>
      <rPr>
        <b/>
        <sz val="13"/>
        <color rgb="FF1E1B1D"/>
        <rFont val="Calibri"/>
        <family val="2"/>
        <scheme val="minor"/>
      </rPr>
      <t>Investor</t>
    </r>
    <r>
      <rPr>
        <sz val="13"/>
        <color rgb="FF1E1B1D"/>
        <rFont val="Calibri"/>
        <family val="2"/>
        <scheme val="minor"/>
      </rPr>
      <t>"), such Products (an Issuer, Investor, or any other person accessing this Site, each a "</t>
    </r>
    <r>
      <rPr>
        <b/>
        <sz val="13"/>
        <color rgb="FF1E1B1D"/>
        <rFont val="Calibri"/>
        <family val="2"/>
        <scheme val="minor"/>
      </rPr>
      <t>User</t>
    </r>
    <r>
      <rPr>
        <sz val="13"/>
        <color rgb="FF1E1B1D"/>
        <rFont val="Calibri"/>
        <family val="2"/>
        <scheme val="minor"/>
      </rPr>
      <t>" or "</t>
    </r>
    <r>
      <rPr>
        <b/>
        <sz val="13"/>
        <color rgb="FF1E1B1D"/>
        <rFont val="Calibri"/>
        <family val="2"/>
        <scheme val="minor"/>
      </rPr>
      <t>you</t>
    </r>
    <r>
      <rPr>
        <sz val="13"/>
        <color rgb="FF1E1B1D"/>
        <rFont val="Calibri"/>
        <family val="2"/>
        <scheme val="minor"/>
      </rPr>
      <t>"). The Product Information is provided by each relevant Issuer, and remains at all times the sole responsibility of the relevant Issuer. We have not independently verified any Product Information, nor reviewed whether any Product for which information is available on the Site actually is a covered bond product. This Site or any label made available through it does not constitute, nor contain, any form of credit rating, any offer to sell (or the solicitation of an offer to purchase) any Product, nor does it constitute a recommendation, or investment advice (or any other type of advice) upon which reliance should be placed.</t>
    </r>
  </si>
  <si>
    <r>
      <t xml:space="preserve"> These terms and conditions together with the documents referred to in them set out the terms of use ("</t>
    </r>
    <r>
      <rPr>
        <b/>
        <sz val="13"/>
        <color rgb="FF1E1B1D"/>
        <rFont val="Calibri"/>
        <family val="2"/>
        <scheme val="minor"/>
      </rPr>
      <t>T&amp;Cs</t>
    </r>
    <r>
      <rPr>
        <sz val="13"/>
        <color rgb="FF1E1B1D"/>
        <rFont val="Calibri"/>
        <family val="2"/>
        <scheme val="minor"/>
      </rPr>
      <t>") on which (a) an Issuer; (b) Investor; or (c) any other User, may make use of the Site. Section A applies primarily to Investors, and Section B applies primarily to Issuers. The General T&amp;Cs in Section C apply to all Users.</t>
    </r>
  </si>
  <si>
    <r>
      <rPr>
        <b/>
        <sz val="13"/>
        <color rgb="FF1E1B1D"/>
        <rFont val="Calibri"/>
        <family val="2"/>
        <scheme val="minor"/>
      </rPr>
      <t>Our Acceptable Use Policy</t>
    </r>
    <r>
      <rPr>
        <sz val="13"/>
        <color rgb="FF1E1B1D"/>
        <rFont val="Calibri"/>
        <family val="2"/>
        <scheme val="minor"/>
      </rPr>
      <t> and </t>
    </r>
    <r>
      <rPr>
        <b/>
        <sz val="13"/>
        <color rgb="FF1E1B1D"/>
        <rFont val="Calibri"/>
        <family val="2"/>
        <scheme val="minor"/>
      </rPr>
      <t>Privacy Policy</t>
    </r>
    <r>
      <rPr>
        <sz val="13"/>
        <color rgb="FF1E1B1D"/>
        <rFont val="Calibri"/>
        <family val="2"/>
        <scheme val="minor"/>
      </rPr>
      <t> are incorporated into these T&amp;Cs.</t>
    </r>
  </si>
  <si>
    <r>
      <t xml:space="preserve"> Please read the T&amp;Cs carefully before you start to use the Site. By clicking </t>
    </r>
    <r>
      <rPr>
        <b/>
        <sz val="13"/>
        <color rgb="FF1E1B1D"/>
        <rFont val="Calibri"/>
        <family val="2"/>
        <scheme val="minor"/>
      </rPr>
      <t>'Accept'</t>
    </r>
    <r>
      <rPr>
        <sz val="13"/>
        <color rgb="FF1E1B1D"/>
        <rFont val="Calibri"/>
        <family val="2"/>
        <scheme val="minor"/>
      </rPr>
      <t> you indicate that you accept these T&amp;Cs and that you agree to abide by them.</t>
    </r>
  </si>
  <si>
    <t>If any provision of these T&amp;Cs shall be deemed unlawful, void or for any reason unenforceable, then that provision shall be deemed severable from these terms and shall not affect the validity and enforceability of any remaining provisions.</t>
  </si>
  <si>
    <t>SECTION A. INVESTOR T&amp;Cs</t>
  </si>
  <si>
    <t>1. DIRECTORY SERVICES</t>
  </si>
  <si>
    <t>The Site is intended to provide you with certain information from Issuers regarding the self-certification of their Products as labelled covered bonds. The requirements of the Covered Bond Label Convention are intended to increase transparency, improve investor access to information, and improve liquidity in covered bonds, but they are not a substitute in any way for each User's independent investment and credit evaluation.</t>
  </si>
  <si>
    <t>The Product Information on this Site is provided for your convenience only, and does not constitute any form of credit rating, an offer to sell (or the solicitation of an offer to purchase) any Product, nor does it constitute a recommendation, or investment advice (or any other type of advice) upon which reliance should be placed.</t>
  </si>
  <si>
    <t>Users shall exercise independent judgment when viewing the Site and its contents, to make their own investigations and evaluations of the information contained on this Site or accessible through it, and to consult their own attorney, business adviser, tax adviser, and/or any other professional necessary, as to legal, business, tax and investment-related matters concerning the Products and Product Information contained on this Site. No information contained on the Site should be construed as legal, tax, investment, or accounting advice.</t>
  </si>
  <si>
    <r>
      <t xml:space="preserve"> Product Information is incorporated into the directory on the Site following the completion of an automated process conducted by the relevant Issuer. The proper conduct of that process and the accuracy and completeness of the Product Information supplied during that process remain at all times the responsibility of the relevant Issuer. While the Product Information contained on the Site is displayed by us in good faith, no representation is made by us as to its completeness or accuracy. </t>
    </r>
    <r>
      <rPr>
        <b/>
        <sz val="13"/>
        <rFont val="Calibri"/>
        <family val="2"/>
        <scheme val="minor"/>
      </rPr>
      <t>PRODUCT INFORMATION IS DISPLAYED ON THE SITE "AS IS" AND HAS NOT BEEN INDEPENDENTLY VERIFIED BY US. BY YOUR USE OF THE SITE, YOU AGREE THAT WE HAVE NO LIABILITY WHATSOEVER REGARDING THE ACCURACY OF COMPLETENESS OF THE PRODUCT INFORMATION ON THIS SITE.</t>
    </r>
    <r>
      <rPr>
        <sz val="13"/>
        <rFont val="Calibri"/>
        <family val="2"/>
        <scheme val="minor"/>
      </rPr>
      <t> Inclusion of Product Information in the directory on the Site does not constitute a warranty or representation by us that the Product is a covered bond product or complies with any particular criteria or regulations.</t>
    </r>
  </si>
  <si>
    <t xml:space="preserve"> Completion of the relevant self-certification automated process by the Issuer will lead to the grant of the Covered Bond Label. The grant of such label is entirely within the control of the relevant Issuer, and we do not independently verify whether such Issuer complies with the relevant criteria. The existence of a Covered Bond Label does not represent any opinion by us about the creditworthiness of a Product, the value or price of a Product, the appropriateness of a Product's terms, or the Product's future investment performance. Nothing contained on this Site is intended to predict or project future performance.</t>
  </si>
  <si>
    <t xml:space="preserve"> We make no representation that the Products which are featured on the Site are suitable for you and we disclaim all liability and responsibility arising from any reliance placed on any Product Information or on the Covered Bond Label by any visitor to the Site, or by anyone who may be informed of any of its contents.</t>
  </si>
  <si>
    <t>From time to time we may make changes to the Site that we feel are appropriate (see Section C, para 3 below).</t>
  </si>
  <si>
    <t>2. USE OF MATERIALS</t>
  </si>
  <si>
    <t>Subject to any prohibitions or restrictions stated in third party websites accessible via hyperlinks in the Site over which we have no control, you may view the content published on this Site, and you are welcome to print hard copies of, and/or download, material on it for your personal use or internal business purposes (in which case you are required to preserve in your copies any copyright materials displayed in the original materials and otherwise to acknowledge the Site as the source of the material). All downloading of material from the Site must be in accordance with ourAcceptable Use Policy. All other copying is strictly prohibited.</t>
  </si>
  <si>
    <t>The use of material printed or downloaded from our Site must be in accordance with our Acceptable Use Policy.</t>
  </si>
  <si>
    <t>3. LINKS FROM AND TO OUR SITE</t>
  </si>
  <si>
    <t>Where the Site contains hyperlinks to other websites and resources provided by third parties, these links are provided for your information only. We have no control over the contents of those websites or resources, and accept no responsibility for them or for any loss or damage that may arise from your use of them. Users follow links on this Site to external websites at their sole risk.</t>
  </si>
  <si>
    <t>We accept no liability for and do not endorse any statements, advertisements, information, products or services that are published on or may be accessible through any websites owned or operated by third parties or for any action you may take as a result of using the website.</t>
  </si>
  <si>
    <t>Those third party websites may also be subject to separate legal terms and conditions, and Issuers may be subject to separate regulation and are solely responsible for satisfying such regulatory requirements. We do not represent or warrant that any Issuer you deal with is fully authorised under or compliant with any law or regulation in any jurisdiction.</t>
  </si>
  <si>
    <t>You agree not to link any websites to this Site without our express prior written consent. We reserve the right, at any time and for any reason not prohibited by law, to deny permission to anyone to link a website from or to this Site, as well as the right to remove any link currently appearing on our Site.</t>
  </si>
  <si>
    <t>SECTION B. ISSUER T&amp;Cs</t>
  </si>
  <si>
    <t>1. DIRECTORY SERVICES AND LABEL</t>
  </si>
  <si>
    <t>The Issuer is responsible for all Product Information uploaded to and/or validated on the Site by the Issuer or on its behalf, and warrants and represents that all such Product Information is and shall continue to be (and the Issuer shall regularly check the Site in order to ensure that it remains) accurate, complete and up-to-date.</t>
  </si>
  <si>
    <t>The Issuer understands that we do not limit access to the Site based on the nationality of a User. The Issuer shall be solely responsible for compliance with all laws and regulations applicable to the offer and sale of a Product in all jurisdictions in which such Products are offered.</t>
  </si>
  <si>
    <t>The Issuer shall indemnify us against, and hold us harmless from, any losses, liabilities or costs (including reasonable administrative and legal costs) suffered by us (including our officers and employees) or by third parties (including Investors and regulatory authorities), in relation to the Product Information and/or the Issuer's use of, and statements regarding, a Covered Bond Label.</t>
  </si>
  <si>
    <t>We accept no liability in relation to any lack of availability of the Site or any omission of, or any display of incorrect, Product Information on the Site for any reason whatsoever including negligence.</t>
  </si>
  <si>
    <t>The Issuer shall not make any statement that its receipt of a Covered Bond Label constitutes a recommendation by us to buy, sell or hold any Product, or that it reflects our views on the suitability of any Product for a particular Investor.</t>
  </si>
  <si>
    <t>2. PRODUCTS</t>
  </si>
  <si>
    <t>By uploading and/or validating Product Information on our Site, the Issuer warrants and represents that the Product complies with the relevant criteria established by the Label Convention as detailed at </t>
  </si>
  <si>
    <t>www.coveredbondlabel.com/pdf/Covered_Bond_Label_Convention_2015.pdf</t>
  </si>
  <si>
    <t>3. UPLOADING INFORMATION TO OUR SITE</t>
  </si>
  <si>
    <t>Whenever you upload and/or validate Product Information on the Site, you warrant and represent that any such contribution complies with the content standards set out in our Acceptable Use Policy, and you shall indemnify us against, and hold us harmless from, any losses, liabilities and costs arising in respect of any breach of that warranty.</t>
  </si>
  <si>
    <t>You shall promptly notify us in the event that Product Information published on the Site, any representation made to us in connection with obtaining a Covered Product Label, or any other information communicated to us in connection with the Site, becomes false, inaccurate, incomplete, or misleading.</t>
  </si>
  <si>
    <t>Any information you upload to and/or validate on the Site shall be considered non-confidential and non-proprietary, and we have the right to use, copy, distribute and disclose to third parties such information for any purpose. We also have the right to disclose your identity to any third party who is claiming that any information posted or uploaded by you to the Site constitutes a violation of their intellectual property, privacy or other rights or is otherwise unlawful.</t>
  </si>
  <si>
    <t>We shall not be responsible, or liable to any third party, for the content or accuracy of any Product Information posted by you or any other user of the Site.</t>
  </si>
  <si>
    <t>We have the right to remove any information or posting you make on the Site if, in our opinion, such information does not comply with the content standards set out in our Acceptable Use Policy, or for any other reason.</t>
  </si>
  <si>
    <t>4. LINKING TO OUR SITE</t>
  </si>
  <si>
    <t>You may link to our home page (www.coveredbondlabel.com), provided you do so in a way that is fair and legal and does not damage our reputation or take advantage of it, but you must not establish a link in such a way as to suggest any form of association, approval or endorsement on our part.</t>
  </si>
  <si>
    <t xml:space="preserve"> You must not establish a link from any website that is not owned by you.</t>
  </si>
  <si>
    <t>The Site must not be framed on any other website, nor may you create a link to any part of the Site other than the home page. We reserve the right to withdraw linking permission without notice. The website from which you are linking must comply in all respects with the content standards set out in our Acceptable Use Policy.</t>
  </si>
  <si>
    <t>5. SECURITY</t>
  </si>
  <si>
    <t>Issuers are required to register with us in order to use the Site by completing the followingRegistration Form.</t>
  </si>
  <si>
    <r>
      <t>Issuers will be provided with a unique user identification code and password (the "</t>
    </r>
    <r>
      <rPr>
        <b/>
        <sz val="13"/>
        <rFont val="Calibri"/>
        <family val="2"/>
        <scheme val="minor"/>
      </rPr>
      <t>User Details</t>
    </r>
    <r>
      <rPr>
        <sz val="13"/>
        <rFont val="Calibri"/>
        <family val="2"/>
        <scheme val="minor"/>
      </rPr>
      <t>") in order to access the Site for the sole purpose of uploading and/or validating Product Information on the Site. Such User Details are granted by us for the sole and exclusive use of the Issuer.</t>
    </r>
  </si>
  <si>
    <t>We reserve the right to alter or cancel User Details and revoke access to the site at any time.</t>
  </si>
  <si>
    <t>If we need to contact you in relation to your use of the Site, we may contact you by email, telephone or post. The most recent details you have given us will be used. You must promptly inform us of any change in your contact details.</t>
  </si>
  <si>
    <t>6. DOWNLOADING OF ISSUER PROFILES FROM OUR SITE</t>
  </si>
  <si>
    <t>An Issuer may download its own profile from our Site in any of the ways expressly permitted by the Site, but Issuers may not download the profiles of any other Issuers or attempt to download profiles from the Site by any other means.</t>
  </si>
  <si>
    <t>SECTION C. GENERAL T&amp;Cs</t>
  </si>
  <si>
    <t>1. SITE ACCESS</t>
  </si>
  <si>
    <t>Access to the Site is permitted on a temporary basis, and we reserve the right to withdraw or amend the service we provide on the Site without notice. We shall not be liable if for any reason the Site is unavailable at any time or for any period of time.</t>
  </si>
  <si>
    <t>From time to time, we may restrict access to the Site (either partially or in its entirety).</t>
  </si>
  <si>
    <t>If you are provided with a user identification code, password or any other piece of information as part of our security procedures you must treat such information as confidential, and you must not disclose it to any third party. We have the right to disable any user identification code or password, whether chosen by you or allocated by us, at any time, if in our opinion you have failed to comply with any of the provisions of these T&amp;Cs, or for any other reason.</t>
  </si>
  <si>
    <r>
      <t>When using the Site, you must comply with the provisions of our </t>
    </r>
    <r>
      <rPr>
        <b/>
        <sz val="13"/>
        <color rgb="FF1E1B1D"/>
        <rFont val="Calibri"/>
        <family val="2"/>
        <scheme val="minor"/>
      </rPr>
      <t>Acceptable Use Policy</t>
    </r>
    <r>
      <rPr>
        <sz val="13"/>
        <color rgb="FF1E1B1D"/>
        <rFont val="Calibri"/>
        <family val="2"/>
        <scheme val="minor"/>
      </rPr>
      <t>. You shall indemnify us against, and hold us harmless from, any losses, liabilities or costs (including reasonable administrative and legal costs) suffered by us (including our officers and employees) or by third parties (including Investors and regulatory authorities) as a result of any breaches of our</t>
    </r>
    <r>
      <rPr>
        <b/>
        <sz val="13"/>
        <color rgb="FF1E1B1D"/>
        <rFont val="Calibri"/>
        <family val="2"/>
        <scheme val="minor"/>
      </rPr>
      <t>Acceptable Use Policy</t>
    </r>
    <r>
      <rPr>
        <sz val="13"/>
        <color rgb="FF1E1B1D"/>
        <rFont val="Calibri"/>
        <family val="2"/>
        <scheme val="minor"/>
      </rPr>
      <t> that you commit.</t>
    </r>
  </si>
  <si>
    <t>You are responsible for making all arrangements necessary for you to have access to the Site. You are also responsible for ensuring that all persons who access the Site through your internet connection are aware of these T&amp;Cs and that they comply with them.</t>
  </si>
  <si>
    <t>2. INTELLECTUAL PROPERTY</t>
  </si>
  <si>
    <t>All rights in this Site unless otherwise indicated, are owned by us. This Site and all content published on this Site, unless otherwise indicated, are protected by copyright in Belgium and other jurisdictions across the world. All trademarks and devices displayed on this Site, unless otherwise indicated, are owned by us and may be registered in many jurisdictions across the world. Save as provided in these T&amp;Cs, any use or reproduction of these trademarks and/or devices is prohibited.</t>
  </si>
  <si>
    <t>You must not use any part of the materials on the Site for commercial purposes without our consent.</t>
  </si>
  <si>
    <t>3. SITE CHANGES</t>
  </si>
  <si>
    <t>We aim to update the Site on a regular basis, and may change the content at any time. If the need arises, we reserve the right to suspend access to the Site, or close it indefinitely.</t>
  </si>
  <si>
    <t>4. OUR LIABILITY</t>
  </si>
  <si>
    <t>The Product Information displayed on the Site is provided by the Issuer, and the granting of any label made available through the website is under the sole control of the Issuer, in each case without any guarantees, conditions, warranties or representations from us as to its accuracy or completeness. To the extent permitted by law, we, and any third parties connected to us, hereby expressly exclude:</t>
  </si>
  <si>
    <t>· all conditions, warranties and other terms which might otherwise be implied by any applicable law or regulation; and</t>
  </si>
  <si>
    <t>· any liability for any direct, indirect or consequential loss or damage incurred by any User in connection with the Site or in connection with the use, inability to use or results of the use of the Site, any websites linked to it and any materials posted on it (including, without limitation, the omission of, or the display of incorrect, Product Information on the Site) or in connection with any Product, including loss of: income, revenue, business, profits, contracts, anticipated savings, information, or goodwill, regardless of how any such loss or damage is caused.</t>
  </si>
  <si>
    <t>5. INFORMATION ABOUT YOU AND VISITS TO OUR SITE</t>
  </si>
  <si>
    <t>We process information about you in accordance with our Privacy Policy. By using the Site, you consent to such processing and you warrant that all information provided by you is accurate.</t>
  </si>
  <si>
    <t>6. VIRUSES, HACKING, OTHER OFFENCES</t>
  </si>
  <si>
    <t>You must not misuse the Site by knowingly introducing viruses, 'trojan horses', worms, logic bombs or other material which is maliciously or technologically harmful. You must not attempt to gain unauthorised access to the Site, the server on which the Site is stored, or any server, computer or database connected to the Site. You must not attack the Site via a denial-of-service attack or a distributed denial-of-service attack.</t>
  </si>
  <si>
    <t>By breaching this provision, you would commit a criminal offence under the law of 28 November 2000 on computer crime. We shall report any such breach to the relevant law enforcement authorities and we shall co-operate with those authorities by disclosing your identity to them. In the event of such breach, your right to use the Site will cease immediately.</t>
  </si>
  <si>
    <t>We will not be liable for any loss or damage caused by a distributed denial-of-service attack, viruses or other technologically harmful material that may infect your computer equipment, computer programs, information or other proprietary material due to your use of the Site or to your downloading of any information posted on it or on any website linked to it.</t>
  </si>
  <si>
    <t>We do not warrant that this Site or any software or material of whatsoever nature available on or downloaded from it will be free from viruses or defects, compatible with your equipment or fit for any purpose. It is your responsibility to use suitable anti-virus software on any software or other material that you may download from this Site and to ensure the compatibility of such software or material with your equipment and software.</t>
  </si>
  <si>
    <t>We reserve the right to prohibit any activities of any nature or description that, in our sole discretion, might tend to damage or injure our commercial reputation or goodwill or the reputations or goodwill of any of the providers or subscribers to this Site.</t>
  </si>
  <si>
    <t>7. JURISDICTION AND APPLICABLE LAW</t>
  </si>
  <si>
    <t>The courts of Brussels, Belgium shall have exclusive jurisdiction over any claim arising from, or related to, a visit to the Site or these T&amp;Cs.</t>
  </si>
  <si>
    <t>These T&amp;Cs and any dispute or claim arising out of or in connection with them or their subject matter or formation (including non-contractual disputes or claims) shall be governed by and construed in accordance with the laws of Belgium.</t>
  </si>
  <si>
    <t>8. VARIATIONS</t>
  </si>
  <si>
    <t>We may revise these T&amp;Cs at any time by amending this page. You are expected to check this page from time to time to take notice of any changes we have made, as they are binding on you. Certain of the provisions contained in these T&amp;Cs may also be superseded by provisions or notices published elsewhere on the Site.</t>
  </si>
  <si>
    <t>9. CONTACTS</t>
  </si>
  <si>
    <t>Details of how to contact us are available by clicking on Contact Us.</t>
  </si>
  <si>
    <t>We shall inform you if any of our contact details change by posting a notice on the Site.</t>
  </si>
  <si>
    <t>SECTION D. CBFL ACCEPTABLE USE POLICY</t>
  </si>
  <si>
    <t>This acceptable use policy (the "Policy") sets out the terms agreed between a user of the website ("you") and the Covered Bond Label Foundation ("we" or "us") on which you may use the websitewww.coveredbondlabel.com (the "Site"). The Policy shall apply to all users of, and visitors to, the Site.</t>
  </si>
  <si>
    <t>Your use of the Site means that you accept, and agree to abide by, all the terms of the Policy, which supplement our Terms of Use.</t>
  </si>
  <si>
    <t>1. PROHIBITED USES</t>
  </si>
  <si>
    <t>You may use the Site for lawful purposes only. You may not use the Site:</t>
  </si>
  <si>
    <t>· in any way that breaches any applicable local, national or international law or regulation;</t>
  </si>
  <si>
    <t>· in any way which breaches or contravenes our content standards (see para 2 below);</t>
  </si>
  <si>
    <t>· in any way that is unlawful or fraudulent, or has any unlawful or fraudulent purpose or effect;</t>
  </si>
  <si>
    <t>· to transmit, or procure the sending of, any unsolicited or unauthorised advertising or promotional material or any other form of similar solicitation (spam); or</t>
  </si>
  <si>
    <t>· to knowingly transmit any information, send or upload any material that contains viruses, Trojan horses, worms, time-bombs, keystroke loggers, spyware, adware or any other harmful programs or similar computer code designed to adversely affect the operation of any computer software or hardware.</t>
  </si>
  <si>
    <t>You also agree:</t>
  </si>
  <si>
    <t>· not to reproduce, duplicate, copy or re-sell any part of the Site in contravention of the provisions of our Terms of Use; and</t>
  </si>
  <si>
    <t>· not to access without authority, interfere with, damage or disrupt:</t>
  </si>
  <si>
    <t>· any part of the Site;</t>
  </si>
  <si>
    <t>· any equipment or network on which the Site is stored;</t>
  </si>
  <si>
    <t>· any software used in the provision of the Site; or</t>
  </si>
  <si>
    <t>· any equipment or network or software owned or used by any third party.</t>
  </si>
  <si>
    <t>2. CONTENT STANDARDS</t>
  </si>
  <si>
    <t>These content standards apply to any and all information (the "Information") which you contribute to the Site.</t>
  </si>
  <si>
    <t>Information must:</t>
  </si>
  <si>
    <t>·  be accurate; and</t>
  </si>
  <si>
    <t>· comply with applicable law in Belgium and in any country from which it is posted.</t>
  </si>
  <si>
    <t>Information must not:</t>
  </si>
  <si>
    <t>· infringe any copyright, database right, trade mark or other proprietary right of any other person;</t>
  </si>
  <si>
    <t>· be likely to deceive any person; or</t>
  </si>
  <si>
    <t>· be provided in breach of any legal duty owed to any person, such as a contractual duty or a duty of confidence;</t>
  </si>
  <si>
    <t>3. SUSPENSION AND TERMINATION</t>
  </si>
  <si>
    <t>We will determine, at our sole discretion, whether your use of the Site has caused a breach of the Policy. When a breach of the Policy has occurred, we may take such action as we deem reasonable.</t>
  </si>
  <si>
    <t>Failure to comply with the Policy will constitute a material breach of our Terms of Use upon which you are permitted to use the Site, and may result in us taking any of the following actions:</t>
  </si>
  <si>
    <t>· immediate, temporary or permanent withdrawal of your right to use the Site;</t>
  </si>
  <si>
    <t>· immediate, temporary or permanent removal of any Information uploaded by you to the Site;</t>
  </si>
  <si>
    <t>· legal proceedings against you for reimbursement of all costs on an indemnity basis (including, but not limited to, reasonable administrative and legal costs) resulting from the breach;</t>
  </si>
  <si>
    <t>· disclosure of information to law enforcement authorities as requested by law or as we reasonably feel is necessary; or</t>
  </si>
  <si>
    <t>· any other action we deem to be appropriate;</t>
  </si>
  <si>
    <t>4. DOWNLOADING AND USE OF INFORMATION FROM OUR SITE</t>
  </si>
  <si>
    <t xml:space="preserve"> You may download information from our Site in any of the ways expressly permitted by the Site. Where indicated by the Site, you shall supply all the details requested and accept all the applicable terms and conditions before attempting to download any information from the Site. You shall not attempt to download profiles from the Site by any other means.</t>
  </si>
  <si>
    <t>You may use information that has been downloaded from our Site in accordance with our permitted procedures and/or hard copies of information printed from our Site for your personal use or internal business purposes only (in which case you are required to preserve in your copies any copyright materials displayed in the original materials and otherwise to acknowledge the Site as the source of the material). You may not distribute or show any materials downloaded or printed from our Site to any third parties or quote or refer to any such materials in communications with third parties without obtaining our prior written permission. Any such permission would only be granted by us on terms that the third party in question, prior to viewing any material from our Site, accepts and agrees to comply with these T&amp;Cs as if the third party were a User of the Site.</t>
  </si>
  <si>
    <t>Regardless of any permission that may be granted by us for you to distribute or show materials downloaded or printed from our Site to third parties, you must not use or export the information or materials available on or through this Site in violation of laws in your, or any other applicable, jurisdiction. It remains your responsibility at all times to ensure that such laws are not violated.</t>
  </si>
  <si>
    <t>5. CHANGES TO THE POLICY</t>
  </si>
  <si>
    <t>We may revise the Policy at any time by amending this page. You are expected to check this page from time to time to take notice of any changes we make, as they are legally binding on you. Some of the provisions contained in the Policy may also be superseded by provisions or notices published elsewhere on the Site.</t>
  </si>
  <si>
    <t>SECTION E. CBFL PRIVACY POLICY</t>
  </si>
  <si>
    <r>
      <t>The Covered Bond Label Foundation ("</t>
    </r>
    <r>
      <rPr>
        <b/>
        <sz val="13"/>
        <color rgb="FF1E1B1D"/>
        <rFont val="Calibri"/>
        <family val="2"/>
        <scheme val="minor"/>
      </rPr>
      <t>we</t>
    </r>
    <r>
      <rPr>
        <sz val="13"/>
        <color rgb="FF1E1B1D"/>
        <rFont val="Calibri"/>
        <family val="2"/>
        <scheme val="minor"/>
      </rPr>
      <t>" or "</t>
    </r>
    <r>
      <rPr>
        <b/>
        <sz val="13"/>
        <color rgb="FF1E1B1D"/>
        <rFont val="Calibri"/>
        <family val="2"/>
        <scheme val="minor"/>
      </rPr>
      <t>us</t>
    </r>
    <r>
      <rPr>
        <sz val="13"/>
        <color rgb="FF1E1B1D"/>
        <rFont val="Calibri"/>
        <family val="2"/>
        <scheme val="minor"/>
      </rPr>
      <t>") is committed to protecting and respecting the privacy of our users.</t>
    </r>
  </si>
  <si>
    <r>
      <t>This policy (together with our Terms of Use and any other documents referred to on it) sets out the basis on which any personal information we collect from, or that is provided to us by, a user (including from any individual who represents, and/or acts on behalf of, a user) ("</t>
    </r>
    <r>
      <rPr>
        <b/>
        <sz val="13"/>
        <rFont val="Calibri"/>
        <family val="2"/>
        <scheme val="minor"/>
      </rPr>
      <t>you</t>
    </r>
    <r>
      <rPr>
        <sz val="13"/>
        <rFont val="Calibri"/>
        <family val="2"/>
        <scheme val="minor"/>
      </rPr>
      <t>") will be processed by us or by third parties. Please read the following carefully to understand our views and practices regarding your personal information and how we will treat it.</t>
    </r>
  </si>
  <si>
    <r>
      <t>For the purpose of the Law of 8 December 1992 on the protection of privacy in relation to processing of personal information (</t>
    </r>
    <r>
      <rPr>
        <i/>
        <sz val="13"/>
        <rFont val="Calibri"/>
        <family val="2"/>
        <scheme val="minor"/>
      </rPr>
      <t>loi relative à la protection de la vie privée à l'égard des traitements de données à caractère personnel / wet tot bescherming van de persoonlijke levensfeer ten opzichte van de verwerking van persoonsgegevens</t>
    </r>
    <r>
      <rPr>
        <sz val="13"/>
        <rFont val="Calibri"/>
        <family val="2"/>
        <scheme val="minor"/>
      </rPr>
      <t>) (the "</t>
    </r>
    <r>
      <rPr>
        <b/>
        <sz val="13"/>
        <rFont val="Calibri"/>
        <family val="2"/>
        <scheme val="minor"/>
      </rPr>
      <t>Belgian DPL</t>
    </r>
    <r>
      <rPr>
        <sz val="13"/>
        <rFont val="Calibri"/>
        <family val="2"/>
        <scheme val="minor"/>
      </rPr>
      <t>"), we (the Covered Bond Label Foundation) are the data controller.</t>
    </r>
  </si>
  <si>
    <t>1. INFORMATION COLLECTION AND PROCESSING</t>
  </si>
  <si>
    <t>We may collect and process the following information about you:</t>
  </si>
  <si>
    <t>· information that you provide by completing any form on our website (www.coveredbondlabel.com) (the "Site"). This includes information provided at the time of registering to use the Site, subscribing to our service, posting material or requesting further services;</t>
  </si>
  <si>
    <t>· if you contact us, we may keep a record of that correspondence; and</t>
  </si>
  <si>
    <t>· details of your visits to the Site and the resources that you access.</t>
  </si>
  <si>
    <t>This information may include personal information (such as your name or title) and we will only process such personal information for the purposes set out in paragraph 2 below in accordance with the Belgian DPL</t>
  </si>
  <si>
    <t>2. INFORMATION USE</t>
  </si>
  <si>
    <t>We may collect and process your personal information for the following purposes:</t>
  </si>
  <si>
    <t>· to ensure that content from the Site is presented in the most effective manner for your computer;</t>
  </si>
  <si>
    <t>· to provide you with information, products or services that you request from us or which we feel may interest you; and</t>
  </si>
  <si>
    <t>· to notify you about changes to our service.</t>
  </si>
  <si>
    <t>If you do not want us to use your information in this way, or to pass your details on to third parties for marketing purposes, you can refuse consent to such processing by ticking the relevant box situated on the form on which we collect your information.</t>
  </si>
  <si>
    <t>3. TRANSFER AND STORAGE OF PERSONAL INFORMATION</t>
  </si>
  <si>
    <t>You agree that your personal information may be communicated to third parties:</t>
  </si>
  <si>
    <t>· if we are under a duty to disclose or share your personal information in order to comply with any legal obligation, or in order to enforce or apply our Terms of Use and other agreements;</t>
  </si>
  <si>
    <t>· in the case of any legitimate interest; and</t>
  </si>
  <si>
    <t>· for direct marketing purposes (unless you object to such processing in accordance with paragraph 2 above).</t>
  </si>
  <si>
    <r>
      <t>· By submitting your personal information, you also agree that such information may be transferred to, and stored at, a destination outside the European Economic Area ("</t>
    </r>
    <r>
      <rPr>
        <b/>
        <sz val="13"/>
        <rFont val="Calibri"/>
        <family val="2"/>
        <scheme val="minor"/>
      </rPr>
      <t>EEA</t>
    </r>
    <r>
      <rPr>
        <sz val="13"/>
        <rFont val="Calibri"/>
        <family val="2"/>
        <scheme val="minor"/>
      </rPr>
      <t>"), whether or not an adequate level of protection in ensured for personal information in the country of reception.</t>
    </r>
  </si>
  <si>
    <t>· Your personal information may also be processed by staff operating outside the EEA who work for us or for one of our processors for the same purposes as listed in paragraph 2 above. Such staff may be engaged in, among other things, the provision of support services.</t>
  </si>
  <si>
    <t>4. SECURITY</t>
  </si>
  <si>
    <t>We will take all steps reasonably necessary to ensure that your information is treated securely and in accordance with this privacy policy, and to prevent personal information being accessible to and processed by unauthorised parties, or being accidentally changed or deleted. There are internal security measures in place to protect the premises, servers, network, data transfers, and the information itself.</t>
  </si>
  <si>
    <t>You acknowledge however that the transmission of information via the internet is not completely secure. While we will use reasonable endeavours to protect your personal information, we cannot fully guarantee the security of your information transmitted to the Site.</t>
  </si>
  <si>
    <t>Where we have given you a password which enables you to access certain parts of the Site, you are responsible for keeping this password confidential. We ask you not to share your password with anyone.</t>
  </si>
  <si>
    <t>5. YOUR RIGHTS</t>
  </si>
  <si>
    <t>You also have the right to ask us not to process your personal information for marketing purposes. You can exercise your right to prevent such processing by checking certain boxes on the forms we use to collect your information or by contacting us by email or by letter in accordance with the above.</t>
  </si>
  <si>
    <t>6. CHANGES TO OUR PRIVACY POLICY</t>
  </si>
  <si>
    <t>Any changes we may make to our privacy policy in the future will be posted on this page.</t>
  </si>
  <si>
    <t>7. CONTACT</t>
  </si>
  <si>
    <t>If you have any questions about this policy, the collection and use of your personal information or other privacy-specific concerns please contact us by clicking on Contact Us .</t>
  </si>
  <si>
    <t>Total Cover Assets</t>
  </si>
  <si>
    <t>Exposures to/guaranteed by Supranational, Sovereign, Agency (SSA)</t>
  </si>
  <si>
    <t>Agricultural</t>
  </si>
  <si>
    <t>1st lien / No prior ranks</t>
  </si>
  <si>
    <t>Derivatives in the register / cover pool [notional] (mn)</t>
  </si>
  <si>
    <t>Residual Life (mn)</t>
  </si>
  <si>
    <t>Maturity (mn)</t>
  </si>
  <si>
    <t>This website www.coveredbondlabel.com (the "Site") is owned and operated by the Covered Bond Label Foundation (the Covered Bond Label Foundation together with its affiliates, "we" or "us") a Private Foundation (fondation privée / private stichting) registered in Belgium; whose registered office is at Rue de la Science 14 - 1040 Brussels - Belgium and registered under number 500.950.659 (RPR/RPM Brussels).</t>
  </si>
  <si>
    <t>The Belgian DPL gives you the right to access or, where incorrect, amend or delete (at your request and free of charge) personal information pertaining to you. You can exercise these rights at any time by contacting us by email by clicking on Contact Us or by letter addressed to Covered Bond Label Foundation Rue de la Science 14 - 1040 Brussels - Belgium.</t>
  </si>
  <si>
    <t>o/w Forest &amp; Agriculture</t>
  </si>
  <si>
    <t>M.7A.13.5</t>
  </si>
  <si>
    <t xml:space="preserve">Contractual </t>
  </si>
  <si>
    <t xml:space="preserve">Expected Upon Prepayments </t>
  </si>
  <si>
    <t xml:space="preserve">Initial Maturity  </t>
  </si>
  <si>
    <t xml:space="preserve">Extended Maturity </t>
  </si>
  <si>
    <t>Residual Life Buckets of Cover assets [i.e. how is the contractual and/or expected residual life defined? What assumptions eg, in terms of prepayments? etc.]</t>
  </si>
  <si>
    <t>Sponsor (if applicable)</t>
  </si>
  <si>
    <t>Back-up servicer</t>
  </si>
  <si>
    <t>BUS facilitator</t>
  </si>
  <si>
    <t xml:space="preserve">Cash manager </t>
  </si>
  <si>
    <t>Back-up cash manager</t>
  </si>
  <si>
    <t>Account bank</t>
  </si>
  <si>
    <t>Standby account bank</t>
  </si>
  <si>
    <t>Account bank guarantor</t>
  </si>
  <si>
    <t>Swap Counterparties</t>
  </si>
  <si>
    <t>Type of Swap</t>
  </si>
  <si>
    <t>CONTENT OF TAB E</t>
  </si>
  <si>
    <t>E.1.1.1</t>
  </si>
  <si>
    <t>E.1.1.2</t>
  </si>
  <si>
    <t>E.1.1.3</t>
  </si>
  <si>
    <t>E.1.1.4</t>
  </si>
  <si>
    <t>E.1.1.5</t>
  </si>
  <si>
    <t>E.1.1.6</t>
  </si>
  <si>
    <t>E.1.1.7</t>
  </si>
  <si>
    <t>E.1.1.8</t>
  </si>
  <si>
    <t>E.1.1.9</t>
  </si>
  <si>
    <t>E.1.1.10</t>
  </si>
  <si>
    <t>OE.1.1.1</t>
  </si>
  <si>
    <t>Transaction Counterparties</t>
  </si>
  <si>
    <t>2.  Additional information on the swaps</t>
  </si>
  <si>
    <t>OE.1.1.2</t>
  </si>
  <si>
    <t>OE.1.1.3</t>
  </si>
  <si>
    <t>OE.1.1.4</t>
  </si>
  <si>
    <t>OE.1.1.5</t>
  </si>
  <si>
    <t>OE.1.1.6</t>
  </si>
  <si>
    <t>OE.1.1.7</t>
  </si>
  <si>
    <t>OE.1.1.8</t>
  </si>
  <si>
    <t>OE.2.1.1</t>
  </si>
  <si>
    <t>OE.2.1.2</t>
  </si>
  <si>
    <t>OE.2.1.3</t>
  </si>
  <si>
    <t>OE.2.1.4</t>
  </si>
  <si>
    <t>OE.2.1.5</t>
  </si>
  <si>
    <t>OE.2.1.6</t>
  </si>
  <si>
    <t>OE.2.1.7</t>
  </si>
  <si>
    <t>OE.2.1.8</t>
  </si>
  <si>
    <t>OE.2.1.9</t>
  </si>
  <si>
    <t>OE.2.1.10</t>
  </si>
  <si>
    <t>OE.2.1.11</t>
  </si>
  <si>
    <t>OE.2.1.12</t>
  </si>
  <si>
    <t>OE.2.1.13</t>
  </si>
  <si>
    <t>Weighted Average Life (in years)</t>
  </si>
  <si>
    <t>3.  Additional information on the asset distribution</t>
  </si>
  <si>
    <t>E.2.1.1</t>
  </si>
  <si>
    <t>E.2.1.2</t>
  </si>
  <si>
    <t>E.2.1.3</t>
  </si>
  <si>
    <t>E.2.1.4</t>
  </si>
  <si>
    <t>E.2.1.5</t>
  </si>
  <si>
    <t>E.2.1.6</t>
  </si>
  <si>
    <t>E.2.1.7</t>
  </si>
  <si>
    <t>E.2.1.8</t>
  </si>
  <si>
    <t>E.2.1.9</t>
  </si>
  <si>
    <t>E.2.1.10</t>
  </si>
  <si>
    <t>E.2.1.11</t>
  </si>
  <si>
    <t>E.2.1.12</t>
  </si>
  <si>
    <t>E.2.1.13</t>
  </si>
  <si>
    <t>E.2.1.14</t>
  </si>
  <si>
    <t>E.2.1.15</t>
  </si>
  <si>
    <t>E.2.1.16</t>
  </si>
  <si>
    <t>E.2.1.17</t>
  </si>
  <si>
    <t>E.2.1.18</t>
  </si>
  <si>
    <t>E.2.1.19</t>
  </si>
  <si>
    <t>E.2.1.20</t>
  </si>
  <si>
    <t>E.2.1.21</t>
  </si>
  <si>
    <t>E.2.1.22</t>
  </si>
  <si>
    <t>E.2.1.23</t>
  </si>
  <si>
    <t>E.2.1.24</t>
  </si>
  <si>
    <t>E.2.1.25</t>
  </si>
  <si>
    <t>E.3.1.1</t>
  </si>
  <si>
    <t>E.3.1.2</t>
  </si>
  <si>
    <t>OE.3.1.1</t>
  </si>
  <si>
    <t>OE.3.1.2</t>
  </si>
  <si>
    <t>OE.3.1.3</t>
  </si>
  <si>
    <t>OE.3.1.4</t>
  </si>
  <si>
    <t>2. Arrears</t>
  </si>
  <si>
    <t>E.3.2.1</t>
  </si>
  <si>
    <t>E.3.2.2</t>
  </si>
  <si>
    <t>E.3.2.3</t>
  </si>
  <si>
    <t>E.3.2.4</t>
  </si>
  <si>
    <t>OE.3.2.1</t>
  </si>
  <si>
    <t>OE.3.2.2</t>
  </si>
  <si>
    <t>OE.3.2.3</t>
  </si>
  <si>
    <t>OE.3.2.4</t>
  </si>
  <si>
    <t>Trustee</t>
  </si>
  <si>
    <t>Cover Pool Monitor</t>
  </si>
  <si>
    <t>E.1.1.11</t>
  </si>
  <si>
    <t>Name</t>
  </si>
  <si>
    <t>1.  Additional information on the programme</t>
  </si>
  <si>
    <t>60-&lt;90 days</t>
  </si>
  <si>
    <t>90-&lt;180 days</t>
  </si>
  <si>
    <t>30-&lt;60 days</t>
  </si>
  <si>
    <t>&gt;= 180 days</t>
  </si>
  <si>
    <t>E.3.2.5</t>
  </si>
  <si>
    <t>% Total Loans</t>
  </si>
  <si>
    <t>Guarantor (if applicable)</t>
  </si>
  <si>
    <t>Example Guarantor</t>
  </si>
  <si>
    <t>ND4</t>
  </si>
  <si>
    <t>Legal Entity Identifier (LEI)*</t>
  </si>
  <si>
    <t>Total Assets</t>
  </si>
  <si>
    <t>1. Additional information on the programme</t>
  </si>
  <si>
    <t>E. Harmonised Transparency Template - Optional ECB - ECAIs Data Disclosure</t>
  </si>
  <si>
    <t>This addendum is optional</t>
  </si>
  <si>
    <t>Worksheet E: Optional ECB-ECAIs data</t>
  </si>
  <si>
    <t xml:space="preserve">A. Harmonised Transparency Template - General Information </t>
  </si>
  <si>
    <t>M.7.5.32</t>
  </si>
  <si>
    <t>M.7.5.33</t>
  </si>
  <si>
    <t>M.7.5.34</t>
  </si>
  <si>
    <t>M.7.5.35</t>
  </si>
  <si>
    <t>M.7.5.36</t>
  </si>
  <si>
    <t>M.7.5.37</t>
  </si>
  <si>
    <t>M.7.5.38</t>
  </si>
  <si>
    <t>M.7.5.39</t>
  </si>
  <si>
    <t>M.7.5.40</t>
  </si>
  <si>
    <t>M.7.5.41</t>
  </si>
  <si>
    <t>M.7.5.42</t>
  </si>
  <si>
    <t>M.7.5.43</t>
  </si>
  <si>
    <t>M.7.5.44</t>
  </si>
  <si>
    <t>M.7.5.45</t>
  </si>
  <si>
    <t>M.7.5.46</t>
  </si>
  <si>
    <t>M.7.5.47</t>
  </si>
  <si>
    <t>M.7.5.48</t>
  </si>
  <si>
    <t>M.7.5.49</t>
  </si>
  <si>
    <t>M.7.5.50</t>
  </si>
  <si>
    <t>0 - 1 Y</t>
  </si>
  <si>
    <t>1 - 2 Y</t>
  </si>
  <si>
    <t>2 - 3 Y</t>
  </si>
  <si>
    <t>3 - 4 Y</t>
  </si>
  <si>
    <t>4 - 5 Y</t>
  </si>
  <si>
    <t>5 - 10 Y</t>
  </si>
  <si>
    <t>10+ Y</t>
  </si>
  <si>
    <t>M.7.4.33</t>
  </si>
  <si>
    <t>OHG.2.3</t>
  </si>
  <si>
    <t>curre</t>
  </si>
  <si>
    <t>AUD</t>
  </si>
  <si>
    <t>CAD</t>
  </si>
  <si>
    <t>CHF</t>
  </si>
  <si>
    <t>GBP</t>
  </si>
  <si>
    <t>USD</t>
  </si>
  <si>
    <t>PLN</t>
  </si>
  <si>
    <t>G.3.6.17</t>
  </si>
  <si>
    <t>G.3.7.17</t>
  </si>
  <si>
    <t>G.3.6.18</t>
  </si>
  <si>
    <t>JPY</t>
  </si>
  <si>
    <t>G.3.7.18</t>
  </si>
  <si>
    <t>Definition</t>
  </si>
  <si>
    <t xml:space="preserve">The HTT is compulsory in order to be considered Covered Bond Label compliant. The NTT can be added in order to provide further information at national discretion. </t>
  </si>
  <si>
    <t>Response 12</t>
  </si>
  <si>
    <t>Question 13: How should the covered bonds distribution by interest rate be populated in section 3.8 in Tab A. HTT General?</t>
  </si>
  <si>
    <t>Question 12: How should the cover assets and covered bonds distribution by currency be populated in section 3.6 and 3.7 in Tab A. HTT General?</t>
  </si>
  <si>
    <t>Response 13</t>
  </si>
  <si>
    <t xml:space="preserve">In the columns titled "Nominal [after hedging]", all amounts must be inserted in the line for the interest rate type they have been swapped into. For example, if all outstanding amounts have been swapped into floating rate, only this line should be filled. Total amounts should show the same figures both before and after hedging. </t>
  </si>
  <si>
    <t>Question 10: How should the "expected" and "contractual" columns of the "Cover pool amortisation profile" be understood?</t>
  </si>
  <si>
    <t>Question 14: How should arrears be populated in Tab E. Optional ECB-ECAIs data?</t>
  </si>
  <si>
    <t>6. Cover Assets - Currency</t>
  </si>
  <si>
    <t>1-&lt;30 days</t>
  </si>
  <si>
    <t xml:space="preserve">Performing loans should be excluded from the "1-&lt;30 days" bucket. If a loan is in arrears, please report the entire principal amount for the loan, not just the instalment that is in arrears. </t>
  </si>
  <si>
    <t>Response 14</t>
  </si>
  <si>
    <t>1. Every pool has one separate HTT. Issuers with more than one cover pool have to present as many separate HTTs as the number of pools.</t>
  </si>
  <si>
    <r>
      <rPr>
        <sz val="11"/>
        <color rgb="FF000000"/>
        <rFont val="Calibri"/>
        <family val="2"/>
        <scheme val="minor"/>
      </rPr>
      <t>2.  All cells that include “[For completion]” and “[Mark as ND if not relevant]” needs to be completed</t>
    </r>
  </si>
  <si>
    <t>3. The  "[For completion]" or "[Mark as ND if not relevant]" cells could be filled with:</t>
  </si>
  <si>
    <t>3.A Numbers: Please insert the appropriate data</t>
  </si>
  <si>
    <t>3.B Letters: Please insert either No Data (ND)</t>
  </si>
  <si>
    <t>4. Please note that the percentage cells will be automatically completed by the spreadsheet.</t>
  </si>
  <si>
    <t>5. The wording of the tabs referring to the HTT (the ones with an orange tab colour) are not to be changed.</t>
  </si>
  <si>
    <t xml:space="preserve">6. Should you wish to insert your National Transparency Template worksheet(s) in the HTT, please follow our instructions in the box below. </t>
  </si>
  <si>
    <t>7. Please delete tab D (Insert National Transparency Template) and the example tabs if unused.</t>
  </si>
  <si>
    <t>8. Should you make references to external documents or cells in this document, please insert the hyperlink.</t>
  </si>
  <si>
    <t>10. Since the loan bucket size of the loan size information (Tab. B1 HTT mortgage Assets - section 7.10 and 7.15, Tab. B2 HTT Public Sector Assets - section 8.2, Tab B3. HTT Shipping Assets - section 9.8) is decided at national level, please follow the agreed dispositions which can be found in the HTT Completion Guideline</t>
  </si>
  <si>
    <t>9. Since HTT 2018 various fields as well as the amount of rows and columns are blocked in order to guarantee the uniformity of the HTT architecture which enables to run automated reporting programs. In order to guarantee this uniformity the Secretariat will not provide 'unprotected' HTTs to the issuers</t>
  </si>
  <si>
    <t>11. Since the regional breakdown denomination (Tab. B1 HTT Mortgage Assets - section 7.5., Tab B2 HTT Public Sector Assets - section 8.5) is decided at national level, please follow the agreed dispositions which can be found in the HTT Completion Guideline</t>
  </si>
  <si>
    <t>(i) the HTT Completion Guideline</t>
  </si>
  <si>
    <t>(ii)  the relevant National Coordinator</t>
  </si>
  <si>
    <t>(iii) the Covered Bond Label Secretariat</t>
  </si>
  <si>
    <t>OG.3.1.4</t>
  </si>
  <si>
    <t>OM.7.2.5</t>
  </si>
  <si>
    <t>OM.7.2.6</t>
  </si>
  <si>
    <t>G.3.14.1</t>
  </si>
  <si>
    <t>G.3.14.2</t>
  </si>
  <si>
    <t>OG.3.14.3</t>
  </si>
  <si>
    <t>OG.3.14.1</t>
  </si>
  <si>
    <t>OG.3.14.2</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lder than 1919</t>
  </si>
  <si>
    <t>1919 - 1945</t>
  </si>
  <si>
    <t>1961 - 1970</t>
  </si>
  <si>
    <t>1971 - 1980</t>
  </si>
  <si>
    <t>1981 - 1990</t>
  </si>
  <si>
    <t>1991 - 2000</t>
  </si>
  <si>
    <t>2001 - 2005</t>
  </si>
  <si>
    <t>Number of dwellings</t>
  </si>
  <si>
    <t>other</t>
  </si>
  <si>
    <t>Number of CRE</t>
  </si>
  <si>
    <t>% No. of Dwellings</t>
  </si>
  <si>
    <t>% No. of CRE</t>
  </si>
  <si>
    <t>M.7A.15.1</t>
  </si>
  <si>
    <t>M.7A.15.2</t>
  </si>
  <si>
    <t>M.7A.15.3</t>
  </si>
  <si>
    <t>M.7A.15.4</t>
  </si>
  <si>
    <t>M.7A.15.5</t>
  </si>
  <si>
    <t>M.7A.15.6</t>
  </si>
  <si>
    <t>M.7A.15.7</t>
  </si>
  <si>
    <t>M.7A.15.8</t>
  </si>
  <si>
    <t>M.7A.15.9</t>
  </si>
  <si>
    <t>M.7A.15.10</t>
  </si>
  <si>
    <t>M.7A.15.11</t>
  </si>
  <si>
    <t>M.7A.15.12</t>
  </si>
  <si>
    <t>M.7A.15.13</t>
  </si>
  <si>
    <t>M.7A.15.14</t>
  </si>
  <si>
    <t>M.7A.15.15</t>
  </si>
  <si>
    <t>M.7A.15.16</t>
  </si>
  <si>
    <t>M.7A.15.17</t>
  </si>
  <si>
    <t>M.7A.15.18</t>
  </si>
  <si>
    <t>M.7A.15.19</t>
  </si>
  <si>
    <t>OM.7A.15.1</t>
  </si>
  <si>
    <t>OM.7A.15.2</t>
  </si>
  <si>
    <t>OM.7A.15.3</t>
  </si>
  <si>
    <t>M.7A.16.1</t>
  </si>
  <si>
    <t>M.7A.16.2</t>
  </si>
  <si>
    <t>M.7A.16.3</t>
  </si>
  <si>
    <t>M.7A.16.4</t>
  </si>
  <si>
    <t>M.7A.16.5</t>
  </si>
  <si>
    <t>M.7A.16.6</t>
  </si>
  <si>
    <t>M.7A.16.7</t>
  </si>
  <si>
    <t>M.7A.16.8</t>
  </si>
  <si>
    <t>M.7A.16.9</t>
  </si>
  <si>
    <t>M.7A.16.10</t>
  </si>
  <si>
    <t>OM.7A.16.1</t>
  </si>
  <si>
    <t>House, detached or semi-detached</t>
  </si>
  <si>
    <t>Flat or Apartment</t>
  </si>
  <si>
    <t>Bungalow</t>
  </si>
  <si>
    <t>Terraced House</t>
  </si>
  <si>
    <t>Multifamily House</t>
  </si>
  <si>
    <t>Land Only</t>
  </si>
  <si>
    <t>no data</t>
  </si>
  <si>
    <t>M.7B.21.1</t>
  </si>
  <si>
    <t>M.7B.21.2</t>
  </si>
  <si>
    <t>M.7B.21.3</t>
  </si>
  <si>
    <t>M.7B.21.4</t>
  </si>
  <si>
    <t>M.7B.21.5</t>
  </si>
  <si>
    <t>M.7B.21.6</t>
  </si>
  <si>
    <t>M.7B.21.7</t>
  </si>
  <si>
    <t>M.7B.21.8</t>
  </si>
  <si>
    <t>M.7B.21.9</t>
  </si>
  <si>
    <t>M.7B.21.10</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M.7A.16.11</t>
  </si>
  <si>
    <t xml:space="preserve">Liquid assets are defined as central bank eligible assets, substitute and other marketable assets. This total is calculated over both outstanding covered bonds and outstanding cover assets. </t>
  </si>
  <si>
    <t>In the columns titled "Nominal [before hedging]" and "Nominal [after hedging]" if there is no hedging activity also the amounts for the single currencies should be the same in the two columns. Should there be hedging activity then the currency into which the outstanding has been swapped will receive the respective amount. For example, if all outstanding have been swapped into one currency, only this currency will see a positive amount in the after hedging section. The sum of the columns must match the figures reported under "Total Cover Assets", respectively "Outstanding Covered Bonds" in Section 3.1 of Tab A. HTT General.</t>
  </si>
  <si>
    <t>M.7A.16.12</t>
  </si>
  <si>
    <t>M.7A.16.13</t>
  </si>
  <si>
    <t>M.7A.16.14</t>
  </si>
  <si>
    <t>M.7A.16.15</t>
  </si>
  <si>
    <t>M.7A.16.16</t>
  </si>
  <si>
    <t>M.7A.16.17</t>
  </si>
  <si>
    <t>M.7A.16.18</t>
  </si>
  <si>
    <t>M.7A.16.19</t>
  </si>
  <si>
    <t>OM.7A.16.2</t>
  </si>
  <si>
    <t>OM.7A.16.3</t>
  </si>
  <si>
    <t>M.7A.17.1</t>
  </si>
  <si>
    <t>M.7A.17.2</t>
  </si>
  <si>
    <t>M.7A.17.3</t>
  </si>
  <si>
    <t>M.7A.17.4</t>
  </si>
  <si>
    <t>M.7A.17.5</t>
  </si>
  <si>
    <t>M.7A.17.6</t>
  </si>
  <si>
    <t>M.7A.17.7</t>
  </si>
  <si>
    <t>M.7A.17.8</t>
  </si>
  <si>
    <t>M.7A.17.9</t>
  </si>
  <si>
    <t>M.7A.17.10</t>
  </si>
  <si>
    <t>M.7A.17.11</t>
  </si>
  <si>
    <t>OM.7A.17.1</t>
  </si>
  <si>
    <t>OM.7A.18.1</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Subsidised housing</t>
  </si>
  <si>
    <t>M.7A.13.6</t>
  </si>
  <si>
    <t xml:space="preserve">Hospital </t>
  </si>
  <si>
    <t xml:space="preserve">School </t>
  </si>
  <si>
    <t>other RE with a social relevant purpose</t>
  </si>
  <si>
    <t>o/w Cultural purposes</t>
  </si>
  <si>
    <t>New Property</t>
  </si>
  <si>
    <t>Existing Property</t>
  </si>
  <si>
    <t>G.3.14.3</t>
  </si>
  <si>
    <t>G.3.14.4</t>
  </si>
  <si>
    <t>Existing property</t>
  </si>
  <si>
    <t xml:space="preserve">New Property and Existing Property </t>
  </si>
  <si>
    <t xml:space="preserve">Sustainability - strategy pursued in the cover pool </t>
  </si>
  <si>
    <t>Subsidised Housing  (definitions of affordable, social housing)</t>
  </si>
  <si>
    <t>2. Glossary - ESG items (optional)</t>
  </si>
  <si>
    <t>3. Reason for No Data</t>
  </si>
  <si>
    <t>4. Glossary - Extra national and/or Issuer Items</t>
  </si>
  <si>
    <t>HG.3.2</t>
  </si>
  <si>
    <t>HG.3.3</t>
  </si>
  <si>
    <t>HG.4.1</t>
  </si>
  <si>
    <t>OHG.4.1</t>
  </si>
  <si>
    <t>OHG.4.2</t>
  </si>
  <si>
    <t>OHG.4.3</t>
  </si>
  <si>
    <t>OHG.4.4</t>
  </si>
  <si>
    <t>OHG.4.5</t>
  </si>
  <si>
    <t>OHG.2.4</t>
  </si>
  <si>
    <t>OHG.2.5</t>
  </si>
  <si>
    <t>OHG.2.6</t>
  </si>
  <si>
    <t>OHG.2.7</t>
  </si>
  <si>
    <t>OHG.2.8</t>
  </si>
  <si>
    <t>OHG.2.9</t>
  </si>
  <si>
    <t>OHG.2.10</t>
  </si>
  <si>
    <t>OHG.2.11</t>
  </si>
  <si>
    <t>OHG.2.12</t>
  </si>
  <si>
    <t>Czechia</t>
  </si>
  <si>
    <t>15. EPC  Information of the financed RRE - optional</t>
  </si>
  <si>
    <t>17. Property Age Structure - optional</t>
  </si>
  <si>
    <t>18. Dwelling type - optional</t>
  </si>
  <si>
    <t>19. New Residential Property - optional</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1946 - 1960</t>
  </si>
  <si>
    <t>21. Loan Size Information</t>
  </si>
  <si>
    <t>M.7B.21.11</t>
  </si>
  <si>
    <t>M.7B.21.12</t>
  </si>
  <si>
    <t>M.7B.21.13</t>
  </si>
  <si>
    <t>M.7B.21.14</t>
  </si>
  <si>
    <t>M.7B.21.15</t>
  </si>
  <si>
    <t>M.7B.21.16</t>
  </si>
  <si>
    <t>M.7B.21.17</t>
  </si>
  <si>
    <t>M.7B.21.18</t>
  </si>
  <si>
    <t>M.7B.21.19</t>
  </si>
  <si>
    <t>M.7B.21.20</t>
  </si>
  <si>
    <t>M.7B.21.21</t>
  </si>
  <si>
    <t>M.7B.21.22</t>
  </si>
  <si>
    <t>M.7B.21.23</t>
  </si>
  <si>
    <t>M.7B.21.24</t>
  </si>
  <si>
    <t>M.7B.21.25</t>
  </si>
  <si>
    <t>M.7B.21.26</t>
  </si>
  <si>
    <t xml:space="preserve">22. Loan to Value (LTV) Information - UNINDEXED </t>
  </si>
  <si>
    <t>16. Average energy use intensity (kWh/m2 per year) - optional</t>
  </si>
  <si>
    <t>OHG.1.6</t>
  </si>
  <si>
    <t>OHG.1.7</t>
  </si>
  <si>
    <t>23. Loan to Value (LTV) Information - INDEXED</t>
  </si>
  <si>
    <t>24. Breakdown by Type</t>
  </si>
  <si>
    <t>M.7B.24.1</t>
  </si>
  <si>
    <t>M.7B.24.2</t>
  </si>
  <si>
    <t>M.7B.24.3</t>
  </si>
  <si>
    <t>M.7B.24.4</t>
  </si>
  <si>
    <t>M.7B.24.5</t>
  </si>
  <si>
    <t>M.7B.24.6</t>
  </si>
  <si>
    <t>M.7B.24.7</t>
  </si>
  <si>
    <t>M.7B.24.8</t>
  </si>
  <si>
    <t>M.7B.24.9</t>
  </si>
  <si>
    <t>M.7B.24.10</t>
  </si>
  <si>
    <t>M.7B.24.11</t>
  </si>
  <si>
    <t>M.7B.24.12</t>
  </si>
  <si>
    <t>M.7B.24.13</t>
  </si>
  <si>
    <t>OM.7B.24.1</t>
  </si>
  <si>
    <t>OM.7B.24.2</t>
  </si>
  <si>
    <t>OM.7B.24.3</t>
  </si>
  <si>
    <t>OM.7B.24.4</t>
  </si>
  <si>
    <t>OM.7B.24.5</t>
  </si>
  <si>
    <t>OM.7B.24.6</t>
  </si>
  <si>
    <t>OM.7B.24.7</t>
  </si>
  <si>
    <t>OM.7B.24.8</t>
  </si>
  <si>
    <t>OM.7B.24.9</t>
  </si>
  <si>
    <t>OM.7B.24.10</t>
  </si>
  <si>
    <t>OM.7B.24.11</t>
  </si>
  <si>
    <t>OM.7B.24.12</t>
  </si>
  <si>
    <t>OM.7B.24.13</t>
  </si>
  <si>
    <t>OM.7B.24.14</t>
  </si>
  <si>
    <t>25. EPC  Information of the financed CRE - optional</t>
  </si>
  <si>
    <t>26. Average energy use intensity (kWh/m2 per year) - optional</t>
  </si>
  <si>
    <t>27. CRE Age Structure - optional</t>
  </si>
  <si>
    <t>28. New Commercial Property - optional</t>
  </si>
  <si>
    <t>M.7A.18.1</t>
  </si>
  <si>
    <t>M.7A.18.2</t>
  </si>
  <si>
    <t>M.7A.18.3</t>
  </si>
  <si>
    <t>M.7A.18.4</t>
  </si>
  <si>
    <t>M.7A.18.5</t>
  </si>
  <si>
    <t>M.7A.18.6</t>
  </si>
  <si>
    <t>M.7A.18.7</t>
  </si>
  <si>
    <t>M.7A.18.8</t>
  </si>
  <si>
    <t>M.7A.19.1</t>
  </si>
  <si>
    <t>M.7A.19.2</t>
  </si>
  <si>
    <t>M.7A.19.3</t>
  </si>
  <si>
    <t>M.7A.19.4</t>
  </si>
  <si>
    <t>M.7A.19.5</t>
  </si>
  <si>
    <t>M.7A.19.6</t>
  </si>
  <si>
    <t>M.7A.20.1</t>
  </si>
  <si>
    <t>M.7A.20.2</t>
  </si>
  <si>
    <t>M.7A.20.3</t>
  </si>
  <si>
    <t>M.7A.20.4</t>
  </si>
  <si>
    <t>M.7A.20.5</t>
  </si>
  <si>
    <t>M.7A.20.6</t>
  </si>
  <si>
    <t>M.7A.20.7</t>
  </si>
  <si>
    <t>M.7A.20.8</t>
  </si>
  <si>
    <t>M.7A.20.9</t>
  </si>
  <si>
    <t>M.7A.20.10</t>
  </si>
  <si>
    <t>M.7A.20.11</t>
  </si>
  <si>
    <t>M.7A.20.12</t>
  </si>
  <si>
    <t>M.7A.20.13</t>
  </si>
  <si>
    <t>M.7A.20.14</t>
  </si>
  <si>
    <t>M.7A.20.15</t>
  </si>
  <si>
    <t>M.7A.20.16</t>
  </si>
  <si>
    <t>M.7A.20.17</t>
  </si>
  <si>
    <t>M.7A.20.18</t>
  </si>
  <si>
    <t>M.7A.20.19</t>
  </si>
  <si>
    <t>M.7A.20.20</t>
  </si>
  <si>
    <t>M.7A.20.21</t>
  </si>
  <si>
    <t>M.7A.20.22</t>
  </si>
  <si>
    <t>M.7A.20.23</t>
  </si>
  <si>
    <t>M.7A.20.24</t>
  </si>
  <si>
    <t>M.7A.20.25</t>
  </si>
  <si>
    <t>M.7A.20.26</t>
  </si>
  <si>
    <t>M.7A.20.27</t>
  </si>
  <si>
    <t>M.7A.20.28</t>
  </si>
  <si>
    <t>M.7A.20.29</t>
  </si>
  <si>
    <t>M.7A.20.30</t>
  </si>
  <si>
    <t>M.7A.20.31</t>
  </si>
  <si>
    <t>M.7A.20.32</t>
  </si>
  <si>
    <t>M.7A.20.33</t>
  </si>
  <si>
    <t>M.7A.20.34</t>
  </si>
  <si>
    <t>M.7A.20.35</t>
  </si>
  <si>
    <t>M.7A.20.36</t>
  </si>
  <si>
    <t>M.7A.20.37</t>
  </si>
  <si>
    <t>M.7A.20.38</t>
  </si>
  <si>
    <t>M.7A.20.39</t>
  </si>
  <si>
    <t>M.7A.20.40</t>
  </si>
  <si>
    <t>M.7A.20.41</t>
  </si>
  <si>
    <t>M.7A.20.42</t>
  </si>
  <si>
    <t>M.7A.20.43</t>
  </si>
  <si>
    <t>M.7A.20.44</t>
  </si>
  <si>
    <t>M.7A.20.45</t>
  </si>
  <si>
    <t>M.7A.20.46</t>
  </si>
  <si>
    <t>M.7A.20.47</t>
  </si>
  <si>
    <t>M.7A.20.48</t>
  </si>
  <si>
    <t>M.7B.25.1</t>
  </si>
  <si>
    <t>M.7B.25.2</t>
  </si>
  <si>
    <t>M.7B.25.3</t>
  </si>
  <si>
    <t>M.7B.25.4</t>
  </si>
  <si>
    <t>M.7B.25.5</t>
  </si>
  <si>
    <t>M.7B.25.6</t>
  </si>
  <si>
    <t>M.7B.25.7</t>
  </si>
  <si>
    <t>M.7B.25.8</t>
  </si>
  <si>
    <t>M.7B.25.9</t>
  </si>
  <si>
    <t>M.7B.25.10</t>
  </si>
  <si>
    <t>M.7B.25.11</t>
  </si>
  <si>
    <t>M.7B.25.12</t>
  </si>
  <si>
    <t>M.7B.25.13</t>
  </si>
  <si>
    <t>M.7B.25.14</t>
  </si>
  <si>
    <t>M.7B.25.15</t>
  </si>
  <si>
    <t>M.7B.25.16</t>
  </si>
  <si>
    <t>M.7B.25.17</t>
  </si>
  <si>
    <t>M.7B.25.18</t>
  </si>
  <si>
    <t>M.7B.25.19</t>
  </si>
  <si>
    <t>OM.7B.25.1</t>
  </si>
  <si>
    <t>OM.7B.25.2</t>
  </si>
  <si>
    <t>OM.7B.25.3</t>
  </si>
  <si>
    <t>M.7B.26.1</t>
  </si>
  <si>
    <t>M.7B.26.2</t>
  </si>
  <si>
    <t>M.7B.26.3</t>
  </si>
  <si>
    <t>M.7B.26.4</t>
  </si>
  <si>
    <t>M.7B.26.5</t>
  </si>
  <si>
    <t>M.7B.26.6</t>
  </si>
  <si>
    <t>M.7B.26.7</t>
  </si>
  <si>
    <t>M.7B.26.8</t>
  </si>
  <si>
    <t>M.7B.26.9</t>
  </si>
  <si>
    <t>M.7B.26.10</t>
  </si>
  <si>
    <t>M.7B.26.11</t>
  </si>
  <si>
    <t>M.7B.26.12</t>
  </si>
  <si>
    <t>M.7B.26.13</t>
  </si>
  <si>
    <t>M.7B.26.14</t>
  </si>
  <si>
    <t>M.7B.26.15</t>
  </si>
  <si>
    <t>M.7B.26.16</t>
  </si>
  <si>
    <t>M.7B.26.17</t>
  </si>
  <si>
    <t>M.7B.26.18</t>
  </si>
  <si>
    <t>M.7B.26.19</t>
  </si>
  <si>
    <t>OM.7B.26.1</t>
  </si>
  <si>
    <t>OM.7B.26.2</t>
  </si>
  <si>
    <t>OM.7B.26.3</t>
  </si>
  <si>
    <t>M.7B.27.1</t>
  </si>
  <si>
    <t>M.7B.27.2</t>
  </si>
  <si>
    <t>M.7B.27.3</t>
  </si>
  <si>
    <t>M.7B.27.4</t>
  </si>
  <si>
    <t>M.7B.27.5</t>
  </si>
  <si>
    <t>M.7B.27.6</t>
  </si>
  <si>
    <t>M.7B.27.7</t>
  </si>
  <si>
    <t>M.7B.27.8</t>
  </si>
  <si>
    <t>M.7B.27.9</t>
  </si>
  <si>
    <t>M.7B.27.10</t>
  </si>
  <si>
    <t>M.7B.27.11</t>
  </si>
  <si>
    <t>OM.7B.27.1</t>
  </si>
  <si>
    <t>M.7B.28.1</t>
  </si>
  <si>
    <t>M.7B.28.2</t>
  </si>
  <si>
    <t>M.7B.28.3</t>
  </si>
  <si>
    <t>M.7B.28.4</t>
  </si>
  <si>
    <t>M.7B.28.5</t>
  </si>
  <si>
    <t>where applicable - paying agent</t>
  </si>
  <si>
    <t>M.7B.29.1</t>
  </si>
  <si>
    <t>M.7B.29.2</t>
  </si>
  <si>
    <t>M.7B.29.3</t>
  </si>
  <si>
    <t>M.7B.29.4</t>
  </si>
  <si>
    <t>M.7B.29.5</t>
  </si>
  <si>
    <t>M.7B.29.6</t>
  </si>
  <si>
    <t>M.7B.29.7</t>
  </si>
  <si>
    <t>M.7B.29.8</t>
  </si>
  <si>
    <t>M.7B.29.9</t>
  </si>
  <si>
    <t>M.7B.29.10</t>
  </si>
  <si>
    <t>M.7B.29.11</t>
  </si>
  <si>
    <t>M.7B.29.12</t>
  </si>
  <si>
    <t>M.7B.29.13</t>
  </si>
  <si>
    <t>M.7B.29.14</t>
  </si>
  <si>
    <t>M.7B.29.15</t>
  </si>
  <si>
    <t>M.7B.29.16</t>
  </si>
  <si>
    <t>M.7B.29.17</t>
  </si>
  <si>
    <t>M.7B.29.18</t>
  </si>
  <si>
    <t>M.7B.29.19</t>
  </si>
  <si>
    <t>4. Compliance Art 14 CBD Check Table</t>
  </si>
  <si>
    <t>4. Compliance Art 14 CBD Check table</t>
  </si>
  <si>
    <t>The issuer believes that, at the time of its issuance and based on transparency data made publicly available by the issuer, these covered bonds would satisfy the eligibility criteria for Article 14(2) of the Covered Bond Directive (EU) 2019/2162. It should be noted, however, that</t>
  </si>
  <si>
    <t xml:space="preserve">(a)         Value of the cover pool total assets: </t>
  </si>
  <si>
    <t xml:space="preserve">(a)         Value of outstanding covered bonds: </t>
  </si>
  <si>
    <t xml:space="preserve">(b)        List of ISIN of issued covered bonds: </t>
  </si>
  <si>
    <t>[insert here link to the cover pool on the covered bond label website]</t>
  </si>
  <si>
    <t xml:space="preserve">(c)        Geographical distribution: </t>
  </si>
  <si>
    <t>(c)        Type of cover assets:</t>
  </si>
  <si>
    <t xml:space="preserve">(c)        Loan size: </t>
  </si>
  <si>
    <t xml:space="preserve">(c)       Valuation Method: </t>
  </si>
  <si>
    <t xml:space="preserve">            (d)        Interest rate risk - cover pool:</t>
  </si>
  <si>
    <t>(d)        Currency risk - cover pool:</t>
  </si>
  <si>
    <t xml:space="preserve">          (d)         Interest rate risk - covered bond:</t>
  </si>
  <si>
    <t>(d)        Currency risk - covered bond:</t>
  </si>
  <si>
    <t xml:space="preserve">            (d)        Liquidity Risk - primary assets cover pool:</t>
  </si>
  <si>
    <t>(d)        Credit Risk:</t>
  </si>
  <si>
    <t>(d)        Market Risk:</t>
  </si>
  <si>
    <t>(e)        Maturity Structure - cover assets:</t>
  </si>
  <si>
    <t>(e)        Maturity Structure - covered bond:</t>
  </si>
  <si>
    <t>(e)        Overview maturity extension triggers:</t>
  </si>
  <si>
    <t>(d)        Hedging Strategy</t>
  </si>
  <si>
    <t>(f)        Levels of OC:</t>
  </si>
  <si>
    <t>liquidity buffer</t>
  </si>
  <si>
    <t>extendable maturity</t>
  </si>
  <si>
    <t>441 LTV Commercial Mortgage</t>
  </si>
  <si>
    <t>215 LTV Residential Mortgage</t>
  </si>
  <si>
    <t>230 Derivatives and Swaps</t>
  </si>
  <si>
    <t>Exposure to credit institute credit quality step 1</t>
  </si>
  <si>
    <t>Exposure to credit institute credit quality step 2</t>
  </si>
  <si>
    <t>Exposure to credit institute credit quality step 3</t>
  </si>
  <si>
    <t>Defaulted Loans pursuant Art 178 CRR</t>
  </si>
  <si>
    <t>M.7.9.2</t>
  </si>
  <si>
    <t>ISK</t>
  </si>
  <si>
    <t>G.3.6.19</t>
  </si>
  <si>
    <t>G.3.7.19</t>
  </si>
  <si>
    <t>Statutory</t>
  </si>
  <si>
    <t>Valuation Method</t>
  </si>
  <si>
    <t>HG.1.14</t>
  </si>
  <si>
    <t>Maturity Extention Triggers</t>
  </si>
  <si>
    <t>[insert link to the national legislation where the maturity extention triggers are listed - insert link of relevant programme prospectus]</t>
  </si>
  <si>
    <t>HG.1.15</t>
  </si>
  <si>
    <t>Weighted Average</t>
  </si>
  <si>
    <t>Ton CO2 (per year)</t>
  </si>
  <si>
    <t>Ton CO2 (per year) (LTV adjusted)</t>
  </si>
  <si>
    <t>kg CO2/m2 (per year)</t>
  </si>
  <si>
    <t>Ton CO2 (LTV adjusted) (per year)</t>
  </si>
  <si>
    <t>liquidity buffer &amp; extendable maturity</t>
  </si>
  <si>
    <t>(g)        Percentage of loans in default:</t>
  </si>
  <si>
    <t>link to Glossary HG 1.7</t>
  </si>
  <si>
    <t>M.7A.17.12</t>
  </si>
  <si>
    <t>M.7A.17.13</t>
  </si>
  <si>
    <t>M.7A.17.14</t>
  </si>
  <si>
    <t>2006 - 2010</t>
  </si>
  <si>
    <t>2016 - 2020</t>
  </si>
  <si>
    <t>2021 and onwards</t>
  </si>
  <si>
    <t>2011 - 2015</t>
  </si>
  <si>
    <t>OM.7A.17.2</t>
  </si>
  <si>
    <t>OM.7A.17.3</t>
  </si>
  <si>
    <t>OM.7A.17.4</t>
  </si>
  <si>
    <t>OM.7A.17.5</t>
  </si>
  <si>
    <t>OM.7A.17.6</t>
  </si>
  <si>
    <t>OM.7A.17.7</t>
  </si>
  <si>
    <t>OM.7A.17.8</t>
  </si>
  <si>
    <t>OM.7A.17.9</t>
  </si>
  <si>
    <t>M.7B.27.12</t>
  </si>
  <si>
    <t>M.7B.27.13</t>
  </si>
  <si>
    <t>M.7B.27.14</t>
  </si>
  <si>
    <t>OM.7B.27.2</t>
  </si>
  <si>
    <t>OM.7B.27.3</t>
  </si>
  <si>
    <t>OM.7B.27.4</t>
  </si>
  <si>
    <t>OM.7B.27.5</t>
  </si>
  <si>
    <t>OM.7B.27.6</t>
  </si>
  <si>
    <t>OM.7B.27.7</t>
  </si>
  <si>
    <t>OM.7B.27.8</t>
  </si>
  <si>
    <t>OM.7B.27.9</t>
  </si>
  <si>
    <t>OM.7A.17.10</t>
  </si>
  <si>
    <t>OM.7B.27.10</t>
  </si>
  <si>
    <t>Contractual</t>
  </si>
  <si>
    <t>Voluntary</t>
  </si>
  <si>
    <t xml:space="preserve">Statutory Overcollateralisation is the overcollateralisation percentage required to be provided by each Issuer and included/disclosed in the national covered bond framework. </t>
  </si>
  <si>
    <t>OC Calculation: Statutory</t>
  </si>
  <si>
    <t>OC Calculation: Voluntary</t>
  </si>
  <si>
    <t>OC Calculation: Contractual</t>
  </si>
  <si>
    <t xml:space="preserve">Contractual Overcollateralisation is the overcollateralisation percentage each Issuer has contractually agreed to maintain pursuant to the covered bond programme documents. </t>
  </si>
  <si>
    <t>Voluntary Overcollateralisation is the difference (if positive) between the actual overcollateralisation provided by an Issuer and the higher of the contractual and statutory overcollateralisation.</t>
  </si>
  <si>
    <t>G.5.1.2</t>
  </si>
  <si>
    <t>G.5.1.3</t>
  </si>
  <si>
    <t>G.4.1.14</t>
  </si>
  <si>
    <t>G.4.1.15</t>
  </si>
  <si>
    <t>G.4.1.16</t>
  </si>
  <si>
    <t>G.4.1.17</t>
  </si>
  <si>
    <t>G.4.1.18</t>
  </si>
  <si>
    <t>G.4.1.19</t>
  </si>
  <si>
    <t>G.4.1.20</t>
  </si>
  <si>
    <t>link to Glossary HG.1.15</t>
  </si>
  <si>
    <t>CBD Compliance</t>
  </si>
  <si>
    <t>Worksheet F1: Sustainable M data</t>
  </si>
  <si>
    <t>Worksheet G1. Crisis M Payment Holidays</t>
  </si>
  <si>
    <t>[Yes/No]</t>
  </si>
  <si>
    <t xml:space="preserve">Further details on proceeds strategy </t>
  </si>
  <si>
    <t>If yes. Further details are available in Tab F</t>
  </si>
  <si>
    <t>[link/glossary entry]</t>
  </si>
  <si>
    <t>F1. Tab</t>
  </si>
  <si>
    <r>
      <t xml:space="preserve">Is sustainability based on </t>
    </r>
    <r>
      <rPr>
        <b/>
        <sz val="11"/>
        <rFont val="Calibri"/>
        <family val="2"/>
        <scheme val="minor"/>
      </rPr>
      <t>other criteria</t>
    </r>
    <r>
      <rPr>
        <sz val="11"/>
        <rFont val="Calibri"/>
        <family val="2"/>
        <scheme val="minor"/>
      </rPr>
      <t>?</t>
    </r>
  </si>
  <si>
    <t>G.3.14.5</t>
  </si>
  <si>
    <t>G.3.14.6</t>
  </si>
  <si>
    <t>G.3.14.7</t>
  </si>
  <si>
    <r>
      <t xml:space="preserve">Is sustainability based on </t>
    </r>
    <r>
      <rPr>
        <b/>
        <sz val="11"/>
        <rFont val="Calibri"/>
        <family val="2"/>
        <scheme val="minor"/>
      </rPr>
      <t>sustainable collateral assets present in the cover pool</t>
    </r>
    <r>
      <rPr>
        <sz val="11"/>
        <rFont val="Calibri"/>
        <family val="2"/>
        <scheme val="minor"/>
      </rPr>
      <t>?</t>
    </r>
  </si>
  <si>
    <r>
      <t>Is sustainability based on s</t>
    </r>
    <r>
      <rPr>
        <b/>
        <sz val="11"/>
        <rFont val="Calibri"/>
        <family val="2"/>
        <scheme val="minor"/>
      </rPr>
      <t>ustainable assets not present in the cover pool</t>
    </r>
    <r>
      <rPr>
        <sz val="11"/>
        <rFont val="Calibri"/>
        <family val="2"/>
        <scheme val="minor"/>
      </rPr>
      <t>?</t>
    </r>
  </si>
  <si>
    <t>14. Sustainable or other special purpose strategy</t>
  </si>
  <si>
    <t>147 for Public Sector Asset - type of debtor</t>
  </si>
  <si>
    <t>(iv) ND4: Please complete the cell with ND4 when the information is confidential</t>
  </si>
  <si>
    <t>12. For your information Legal Entity Identifier (LEI) for counterparty information may be found in http://www.lei-lookup.com/#!search</t>
  </si>
  <si>
    <t>G.1.1.5</t>
  </si>
  <si>
    <t>Labelled Cover Pool Name</t>
  </si>
  <si>
    <t>G.3.2.3</t>
  </si>
  <si>
    <t>Total OC (absolute value in mn)</t>
  </si>
  <si>
    <t>Property developers / Building under construction</t>
  </si>
  <si>
    <t>Who has provided Second Party Opinion</t>
  </si>
  <si>
    <t>If yes, please provide frurther details</t>
  </si>
  <si>
    <t>Indication of proxy usage for ESG-related data (indicator, methodology, timing, share of proxy usage for single indicators etc.)</t>
  </si>
  <si>
    <t>13. For any further questions on how to complete the HTT please consult in the following order:</t>
  </si>
  <si>
    <r>
      <t xml:space="preserve">20. CO2 emission - by dwelling type </t>
    </r>
    <r>
      <rPr>
        <b/>
        <i/>
        <sz val="10"/>
        <rFont val="Calibri"/>
        <family val="2"/>
        <scheme val="minor"/>
      </rPr>
      <t>- as per national availability</t>
    </r>
  </si>
  <si>
    <r>
      <t xml:space="preserve">29. CO2 emission related to CRE </t>
    </r>
    <r>
      <rPr>
        <b/>
        <i/>
        <sz val="10"/>
        <rFont val="Calibri"/>
        <family val="2"/>
        <scheme val="minor"/>
      </rPr>
      <t>- as per national availability</t>
    </r>
  </si>
  <si>
    <t>Weighted Average Seasoning (years)</t>
  </si>
  <si>
    <t>Weighted Average Maturity (years)**</t>
  </si>
  <si>
    <t>F2. Tab</t>
  </si>
  <si>
    <t>&gt;  12 - ≤ 24 months</t>
  </si>
  <si>
    <t>&gt; 24 - ≤ 36 months</t>
  </si>
  <si>
    <t>&gt; 36 - ≤ 60 months</t>
  </si>
  <si>
    <t>&gt; 60 months</t>
  </si>
  <si>
    <r>
      <t>0. All worksheets:</t>
    </r>
    <r>
      <rPr>
        <sz val="9"/>
        <color theme="1"/>
        <rFont val="Verdana"/>
        <family val="2"/>
      </rPr>
      <t xml:space="preserve"> Update the year of the HTT template next to the title of each</t>
    </r>
  </si>
  <si>
    <t>Confidential Information</t>
  </si>
  <si>
    <t>Basel Compliance, subject to national jurisdiction (Y/N)</t>
  </si>
  <si>
    <t>NZD</t>
  </si>
  <si>
    <t>G.1.1.6</t>
  </si>
  <si>
    <t>% No. of Dwellings with no CO2 data</t>
  </si>
  <si>
    <t xml:space="preserve">When the information is either (i) not applicable for the jurisdiction, (ii) not relevant for the issuer and/or CB programme at the present time; (iii) not available at the present time; or (iv) confidential. Issuers are kindly requested to include ND1, ND2, ND3 or ND4 respectively. </t>
  </si>
  <si>
    <t>5. Breakdown by regions of the main country of origin</t>
  </si>
  <si>
    <t>Insert main country of origin</t>
  </si>
  <si>
    <t>Response 15</t>
  </si>
  <si>
    <t>Question 15: What is the Cover Pools' FIGI identifier and where can I find it?</t>
  </si>
  <si>
    <t>FIGI is a 12-character alphanumeric ID used to differentiate and map information associated to cover pools. Each pool has a unique FIGI ID which cannot be re-used. You can search for existing FIGI ID's for cover pools on the Bloomberg Terminal or on the openfigi.com webpage. Bloomberg is a certified provider and will facilitate to request a FIGI ID for new pools. Requests can be send with relevant documentation via email to emeacapmkts@bloomberg.net. We would like to underline that the inclusion of the FIGI number in your HTT is on a voluntary basis.</t>
  </si>
  <si>
    <t>Cover Pool's FIGI Identifier (non-mandatory)</t>
  </si>
  <si>
    <t>2025  Version</t>
  </si>
  <si>
    <t>HTT 2025</t>
  </si>
  <si>
    <t>Updates for HTT 2025</t>
  </si>
  <si>
    <t xml:space="preserve">Here below the list of updates of HTT 2025 with respect to HTT 2024 agreed during meeting of the Label Committee of 10 September 2024. </t>
  </si>
  <si>
    <r>
      <t xml:space="preserve">1. Worksheet "FAQ": </t>
    </r>
    <r>
      <rPr>
        <sz val="9"/>
        <color theme="1"/>
        <rFont val="Verdana"/>
        <family val="2"/>
      </rPr>
      <t>Addition of a new no data specification, ND4, indicating no data when the information is confidential</t>
    </r>
  </si>
  <si>
    <r>
      <t xml:space="preserve">2. Worksheet "FAQ": </t>
    </r>
    <r>
      <rPr>
        <sz val="9"/>
        <color theme="1"/>
        <rFont val="Verdana"/>
        <family val="2"/>
      </rPr>
      <t>Addition of explanation on the FIGI number</t>
    </r>
  </si>
  <si>
    <r>
      <t>3. Worksheet “A. HTT General”:</t>
    </r>
    <r>
      <rPr>
        <sz val="9"/>
        <color theme="1"/>
        <rFont val="Verdana"/>
        <family val="2"/>
      </rPr>
      <t xml:space="preserve"> Section 1. Basic Fact: New row 19 containing the Cover Pool’s FIGI Identifier (non-mandatory) </t>
    </r>
  </si>
  <si>
    <r>
      <t xml:space="preserve">4. Worksheet “A. HTT General”: </t>
    </r>
    <r>
      <rPr>
        <sz val="9"/>
        <color theme="1"/>
        <rFont val="Verdana"/>
        <family val="2"/>
      </rPr>
      <t xml:space="preserve">Section 2 Regulatory Summary: Correction of </t>
    </r>
    <r>
      <rPr>
        <b/>
        <u/>
        <sz val="9"/>
        <color theme="1"/>
        <rFont val="Verdana"/>
        <family val="2"/>
      </rPr>
      <t>jursdiction</t>
    </r>
    <r>
      <rPr>
        <sz val="9"/>
        <color theme="1"/>
        <rFont val="Verdana"/>
        <family val="2"/>
      </rPr>
      <t xml:space="preserve"> with jurisdiction</t>
    </r>
  </si>
  <si>
    <r>
      <t xml:space="preserve">5. Worksheet “A. HTT General”: </t>
    </r>
    <r>
      <rPr>
        <sz val="9"/>
        <color theme="1"/>
        <rFont val="Verdana"/>
        <family val="2"/>
      </rPr>
      <t>Section 3.6 addition of NZD among the possible currencies</t>
    </r>
  </si>
  <si>
    <r>
      <t>6. Worksheet “A. HTT General”:</t>
    </r>
    <r>
      <rPr>
        <sz val="9"/>
        <color theme="1"/>
        <rFont val="Verdana"/>
        <family val="2"/>
      </rPr>
      <t xml:space="preserve"> Section 3.7 addition of NZD among the possible currencies</t>
    </r>
  </si>
  <si>
    <r>
      <t xml:space="preserve">8. Worksheet “A. HTT General”: </t>
    </r>
    <r>
      <rPr>
        <sz val="9"/>
        <color theme="1"/>
        <rFont val="Verdana"/>
        <family val="2"/>
      </rPr>
      <t xml:space="preserve">Section 3.10 addition of the United Kingdom among the countries for the Substitute Assets following Brexit, Row 198 </t>
    </r>
  </si>
  <si>
    <r>
      <t xml:space="preserve">7. Worksheet “A. HTT General”: </t>
    </r>
    <r>
      <rPr>
        <sz val="9"/>
        <color theme="1"/>
        <rFont val="Verdana"/>
        <family val="2"/>
      </rPr>
      <t xml:space="preserve">Link C229 to C30 for consistency </t>
    </r>
  </si>
  <si>
    <r>
      <t xml:space="preserve">9. Worksheet “B1. HTT Mortgage Assets”: </t>
    </r>
    <r>
      <rPr>
        <sz val="9"/>
        <color theme="1"/>
        <rFont val="Verdana"/>
        <family val="2"/>
      </rPr>
      <t>Section 7.5 Unify the percentages and highlight the sub-total for the main Country of origin</t>
    </r>
  </si>
  <si>
    <r>
      <t xml:space="preserve">11. Worksheets “B1. HTT Mortgage Assets", "F1. Sustainable M data": </t>
    </r>
    <r>
      <rPr>
        <sz val="9"/>
        <color theme="1"/>
        <rFont val="Verdana"/>
        <family val="2"/>
      </rPr>
      <t>Sections 20 and 29 "CO2 Emission" Take “no data” line out and insert on the RHS a new column indicating the % of dwellings with no CO2 data</t>
    </r>
  </si>
  <si>
    <r>
      <t xml:space="preserve">12. Worksheet “B3. HTT Shipping Assets", "F1. Sustainable M data": </t>
    </r>
    <r>
      <rPr>
        <sz val="9"/>
        <color theme="1"/>
        <rFont val="Verdana"/>
        <family val="2"/>
      </rPr>
      <t>Sections 6 and 8</t>
    </r>
    <r>
      <rPr>
        <b/>
        <sz val="9"/>
        <color theme="1"/>
        <rFont val="Verdana"/>
        <family val="2"/>
      </rPr>
      <t xml:space="preserve"> </t>
    </r>
    <r>
      <rPr>
        <sz val="9"/>
        <color theme="1"/>
        <rFont val="Verdana"/>
        <family val="2"/>
      </rPr>
      <t xml:space="preserve">unify the seasoning brackets </t>
    </r>
  </si>
  <si>
    <r>
      <t xml:space="preserve">13. Worksheet "F1. Sustainable M data": </t>
    </r>
    <r>
      <rPr>
        <sz val="9"/>
        <color theme="1"/>
        <rFont val="Verdana"/>
        <family val="2"/>
      </rPr>
      <t>Section 9 addition of Defaulted Loans pursuant to art. 178 CRR to the NPLs section</t>
    </r>
  </si>
  <si>
    <r>
      <t xml:space="preserve">10. Worksheet “B1. HTT Mortgage Assets”: </t>
    </r>
    <r>
      <rPr>
        <sz val="9"/>
        <color theme="1"/>
        <rFont val="Verdana"/>
        <family val="2"/>
      </rPr>
      <t>Section 7.4 Unify the percentages and highlight the EU, EEA and Other sub-totals</t>
    </r>
  </si>
  <si>
    <t>Banco santander Totta</t>
  </si>
  <si>
    <t>Banco Santander Totta, S.A.</t>
  </si>
  <si>
    <t>https://www.santander.pt/institucional/investor-relations/santander-totta-sa/emissao-de-divida</t>
  </si>
  <si>
    <t>Y</t>
  </si>
  <si>
    <t>https://www.coveredbondlabel.com/issuer/68-banco-santander-totta-s-a
Covered Bond label</t>
  </si>
  <si>
    <t>Historically observed</t>
  </si>
  <si>
    <t>intra-group</t>
  </si>
  <si>
    <t>No</t>
  </si>
  <si>
    <t>N/A</t>
  </si>
  <si>
    <t>-</t>
  </si>
  <si>
    <t>549300URJH9VSI58CS32</t>
  </si>
  <si>
    <t>BONDHOLDERS, S.L.</t>
  </si>
  <si>
    <t>959800WU2L0XTAZWXA65</t>
  </si>
  <si>
    <t>Deloitte &amp; Associados, SROC S.A.</t>
  </si>
  <si>
    <t>Banco Santander, S.A.</t>
  </si>
  <si>
    <t>5493006QMFDDMYWIAM13</t>
  </si>
  <si>
    <t>IR</t>
  </si>
  <si>
    <t>North</t>
  </si>
  <si>
    <t>Center</t>
  </si>
  <si>
    <t xml:space="preserve">Lisbon </t>
  </si>
  <si>
    <t>Alentejo</t>
  </si>
  <si>
    <t>Algarve</t>
  </si>
  <si>
    <t>Madeira</t>
  </si>
  <si>
    <t>Azores</t>
  </si>
  <si>
    <t>0 -  EUR 10.000</t>
  </si>
  <si>
    <t>10.000 - EUR 20.000</t>
  </si>
  <si>
    <t>100.000 - EUR 200.000</t>
  </si>
  <si>
    <t>20.000 - EUR 30.000</t>
  </si>
  <si>
    <t>30.000 - EUR 40.000</t>
  </si>
  <si>
    <t>40.000 - EUR 50.000</t>
  </si>
  <si>
    <t>50.000 - EUR 60.000</t>
  </si>
  <si>
    <t>60.000 - EUR 70.000</t>
  </si>
  <si>
    <t>70.000 - EUR 80.000</t>
  </si>
  <si>
    <t>80.000 - EUR 90.000</t>
  </si>
  <si>
    <t>90.000 - EUR 100.000</t>
  </si>
  <si>
    <t>&gt; EUR 200.000</t>
  </si>
  <si>
    <t>Report Reference Date:</t>
  </si>
  <si>
    <t>Report Frequency:</t>
  </si>
  <si>
    <t>Quarterly</t>
  </si>
  <si>
    <t>1. Credit Ratings¹</t>
  </si>
  <si>
    <t>Long Term</t>
  </si>
  <si>
    <t>Short Term</t>
  </si>
  <si>
    <t>Moody's</t>
  </si>
  <si>
    <t>S&amp;P</t>
  </si>
  <si>
    <t>Fitch</t>
  </si>
  <si>
    <t>DBRS</t>
  </si>
  <si>
    <t>Aaa</t>
  </si>
  <si>
    <t>n/a</t>
  </si>
  <si>
    <t>Banco Santander Totta, SA</t>
  </si>
  <si>
    <t>Baa1</t>
  </si>
  <si>
    <t>A</t>
  </si>
  <si>
    <t>P-1</t>
  </si>
  <si>
    <t>A-1</t>
  </si>
  <si>
    <t>F1</t>
  </si>
  <si>
    <t>R-1 (low)</t>
  </si>
  <si>
    <t>A3</t>
  </si>
  <si>
    <t>A (high)</t>
  </si>
  <si>
    <t>P2</t>
  </si>
  <si>
    <t>R-1(middle)</t>
  </si>
  <si>
    <r>
      <t>1</t>
    </r>
    <r>
      <rPr>
        <sz val="9"/>
        <rFont val="Santander Text"/>
        <family val="2"/>
      </rPr>
      <t xml:space="preserve"> Ratings as of Report Reference Date</t>
    </r>
  </si>
  <si>
    <t>2. Covered Bonds</t>
  </si>
  <si>
    <t>Issue Date</t>
  </si>
  <si>
    <t>Coupon</t>
  </si>
  <si>
    <t>Maturity Date</t>
  </si>
  <si>
    <t>Soft Bullet Date</t>
  </si>
  <si>
    <t>Remaining Term (years)</t>
  </si>
  <si>
    <t>Nominal Amount</t>
  </si>
  <si>
    <t>Covered Bonds Outstanding</t>
  </si>
  <si>
    <t xml:space="preserve">  Syndicated Covered Bonds Issues</t>
  </si>
  <si>
    <t>Covered Bond 23(PTBSRJOM0023)</t>
  </si>
  <si>
    <t>Fixed</t>
  </si>
  <si>
    <t>Covered Bond 28(PTBSPAOM0008 )</t>
  </si>
  <si>
    <t>Covered Bond 30(PTBSPCOM0006)</t>
  </si>
  <si>
    <t>Covered Bond 35(PTBSPHOM0027)</t>
  </si>
  <si>
    <t>Covered Bond 39(PTBSRSOM0006)</t>
  </si>
  <si>
    <t xml:space="preserve">  Private Placements Covered Bonds Issues</t>
  </si>
  <si>
    <t>Covered Bond 20(PTBSRKOM0020)</t>
  </si>
  <si>
    <t>Covered Bond 21(PTBSRHOE0025)</t>
  </si>
  <si>
    <t>Covered Bond 24(PTBSRGOM0034)</t>
  </si>
  <si>
    <t>Covered Bond 38(PTBSPJOM0009)</t>
  </si>
  <si>
    <t>Covered Bond 26(PTBSRNOM0019)</t>
  </si>
  <si>
    <t>Covered Bond 27(PTBSRCOM0038)</t>
  </si>
  <si>
    <t>Covered Bond 29(PTBSPBOM0023)</t>
  </si>
  <si>
    <t>Covered Bond 31(PTBSPDOM0005)</t>
  </si>
  <si>
    <t>Covered Bond 32(PTBSPFOM0003)</t>
  </si>
  <si>
    <t>Covered Bond 33(PTBSRQOM0024)</t>
  </si>
  <si>
    <t>Covered Bond 34(PTBSPGOM0028)</t>
  </si>
  <si>
    <t>Covered Bond 36(PTBSRROM0015)</t>
  </si>
  <si>
    <t>Covered Bond 37(PTBSPEOM0020)</t>
  </si>
  <si>
    <t>Covered Bond 40(PTBSRTOM0013)</t>
  </si>
  <si>
    <t>Floating</t>
  </si>
  <si>
    <t>3. Asset Cover Test</t>
  </si>
  <si>
    <t>Mortgage Credit Pool</t>
  </si>
  <si>
    <r>
      <t>Other Assets (Deposits and Securities at market value)</t>
    </r>
    <r>
      <rPr>
        <b/>
        <vertAlign val="superscript"/>
        <sz val="9"/>
        <rFont val="Santander Text"/>
        <family val="2"/>
      </rPr>
      <t>2</t>
    </r>
  </si>
  <si>
    <t>Cash and Deposits</t>
  </si>
  <si>
    <t>RMBS</t>
  </si>
  <si>
    <t>Other securities</t>
  </si>
  <si>
    <t>Total Cover Pool</t>
  </si>
  <si>
    <t>% of ECB eligible assets</t>
  </si>
  <si>
    <t xml:space="preserve"> </t>
  </si>
  <si>
    <r>
      <t>Overcollateralization</t>
    </r>
    <r>
      <rPr>
        <b/>
        <vertAlign val="superscript"/>
        <sz val="9"/>
        <rFont val="Santander Text"/>
        <family val="2"/>
      </rPr>
      <t>3</t>
    </r>
    <r>
      <rPr>
        <b/>
        <sz val="9"/>
        <rFont val="Santander Text"/>
        <family val="2"/>
      </rPr>
      <t xml:space="preserve"> with cash collateral (OC)</t>
    </r>
  </si>
  <si>
    <t>Legal minimum overcollateralization</t>
  </si>
  <si>
    <t>4. Other Triggers</t>
  </si>
  <si>
    <r>
      <t>Net Present Value of Assets (incl. derivatives)</t>
    </r>
    <r>
      <rPr>
        <vertAlign val="superscript"/>
        <sz val="9"/>
        <rFont val="Santander Text"/>
        <family val="2"/>
      </rPr>
      <t>4</t>
    </r>
  </si>
  <si>
    <r>
      <t>Net Present Value of Liabilities (incl. derivatives)</t>
    </r>
    <r>
      <rPr>
        <vertAlign val="superscript"/>
        <sz val="9"/>
        <rFont val="Santander Text"/>
        <family val="2"/>
      </rPr>
      <t>4</t>
    </r>
  </si>
  <si>
    <t>Net Present Value of Assets (incl. derivatives) - Net present value of liabilities (incl. derivatives) ≥ 0</t>
  </si>
  <si>
    <t>OK</t>
  </si>
  <si>
    <t>Net Present Value of Assets (incl. derivatives) - Net present value of liabilities (incl. derivatives) ≥ 0 (stress of + 200bps)</t>
  </si>
  <si>
    <t>Net Present Value of Assets (incl. derivatives) - Net present value of liabilities (incl. derivatives) ≥ 0 (stress of - 200bps)</t>
  </si>
  <si>
    <t>Deposits with a remaining term &gt; 100 days &lt;= 15% Covered Bonds Nominal</t>
  </si>
  <si>
    <t xml:space="preserve">Estimated Interest from Mortgage Credit and Other Assets - Estimated Interest from Covered Bonds &gt;= 0 </t>
  </si>
  <si>
    <t xml:space="preserve">Mortgage Credit + Other Assets WA Remaining Term - Covered Bonds WA Remaining Term &gt;= 0 </t>
  </si>
  <si>
    <t>5. Currency Exposure</t>
  </si>
  <si>
    <t>Cover Pool Includes</t>
  </si>
  <si>
    <t>Assets in a currency different than Euro (yes/no)</t>
  </si>
  <si>
    <t>Liabilities in a currency different than Euro (yes/no)</t>
  </si>
  <si>
    <t>Cross currency swaps in place (yes/no)</t>
  </si>
  <si>
    <t>Currency Exposure Detail</t>
  </si>
  <si>
    <t>6. Mortgage Credit Pool</t>
  </si>
  <si>
    <t>Main Characteristics</t>
  </si>
  <si>
    <t>Aggregate Original Principal Balance (EUR)</t>
  </si>
  <si>
    <t>Aggregate Current Principal Balance (EUR)</t>
  </si>
  <si>
    <t>Average Original Principal Balance per loan (EUR)</t>
  </si>
  <si>
    <t>Average Current Principal Balance per loan (EUR)</t>
  </si>
  <si>
    <t>Current principal balance of the 5 largest borrowers</t>
  </si>
  <si>
    <t>Weight of the 5 largest borrowers (current principal balance) %</t>
  </si>
  <si>
    <t>Current principal balance of the 10 largest borrowers</t>
  </si>
  <si>
    <t>Weigth of the 10 largest borrowers (current principal balance) %</t>
  </si>
  <si>
    <t>Weighted Average Seasoning (months)</t>
  </si>
  <si>
    <t>Weighted Average Remaining Terms (months)</t>
  </si>
  <si>
    <r>
      <t>Weighted Average Current Unindexed LTV</t>
    </r>
    <r>
      <rPr>
        <vertAlign val="superscript"/>
        <sz val="9"/>
        <rFont val="Santander Text"/>
        <family val="2"/>
      </rPr>
      <t>5</t>
    </r>
    <r>
      <rPr>
        <sz val="9"/>
        <rFont val="Santander Text"/>
        <family val="2"/>
      </rPr>
      <t xml:space="preserve"> (%)</t>
    </r>
  </si>
  <si>
    <r>
      <t>Weighted Average Current Indexed LTV</t>
    </r>
    <r>
      <rPr>
        <vertAlign val="superscript"/>
        <sz val="9"/>
        <rFont val="Santander Text"/>
        <family val="2"/>
      </rPr>
      <t>5</t>
    </r>
    <r>
      <rPr>
        <sz val="9"/>
        <rFont val="Santander Text"/>
        <family val="2"/>
      </rPr>
      <t xml:space="preserve"> (%)</t>
    </r>
  </si>
  <si>
    <t>Weighted Average Interest Rate (%)</t>
  </si>
  <si>
    <t>Weighted Average Spread (%)</t>
  </si>
  <si>
    <t>Max Maturity Date (yyyy-mm-dd)</t>
  </si>
  <si>
    <t>Subsidized Loans</t>
  </si>
  <si>
    <t xml:space="preserve">   Number of Loans  </t>
  </si>
  <si>
    <t>Amount of Loans</t>
  </si>
  <si>
    <t>% Total Amount</t>
  </si>
  <si>
    <t>Yes</t>
  </si>
  <si>
    <r>
      <t>Insured Property</t>
    </r>
    <r>
      <rPr>
        <b/>
        <vertAlign val="superscript"/>
        <sz val="9"/>
        <rFont val="Santander Text"/>
        <family val="2"/>
      </rPr>
      <t>6</t>
    </r>
  </si>
  <si>
    <t>Interest Rate Type</t>
  </si>
  <si>
    <t>Repayment Type</t>
  </si>
  <si>
    <t>Annuity / French</t>
  </si>
  <si>
    <t>Linear</t>
  </si>
  <si>
    <t>Increasing instalments</t>
  </si>
  <si>
    <t>Bullet</t>
  </si>
  <si>
    <t>Interest-only</t>
  </si>
  <si>
    <t>6. Mortgage Credit Pool (continued)</t>
  </si>
  <si>
    <t>Seasoning</t>
  </si>
  <si>
    <t>Up to 1 year</t>
  </si>
  <si>
    <t>1 to 2 years</t>
  </si>
  <si>
    <t>2 to 3 years</t>
  </si>
  <si>
    <t>3 to 4 years</t>
  </si>
  <si>
    <t>4 to 5 years</t>
  </si>
  <si>
    <t>5 to 6 years</t>
  </si>
  <si>
    <t>6 to 7 years</t>
  </si>
  <si>
    <t>7 to 8 years</t>
  </si>
  <si>
    <t>8 to 9 years</t>
  </si>
  <si>
    <t>9 to 10 years</t>
  </si>
  <si>
    <t>10 to 11 years</t>
  </si>
  <si>
    <t>11 to 12 years</t>
  </si>
  <si>
    <t>More than 12 Years</t>
  </si>
  <si>
    <t>Remaining Term</t>
  </si>
  <si>
    <t>Up to 5 years</t>
  </si>
  <si>
    <t>5 to 8 years</t>
  </si>
  <si>
    <t>8 to 10 years</t>
  </si>
  <si>
    <t>10 to 12 years</t>
  </si>
  <si>
    <t>12 to 14 years</t>
  </si>
  <si>
    <t>14 to 16 years</t>
  </si>
  <si>
    <t>16 to 18 years</t>
  </si>
  <si>
    <t>18 to 20 years</t>
  </si>
  <si>
    <t>20 to 22 years</t>
  </si>
  <si>
    <t>22 to 24 years</t>
  </si>
  <si>
    <t>24 to 26 years</t>
  </si>
  <si>
    <t>26 to 28 years</t>
  </si>
  <si>
    <t>28 to 30 years</t>
  </si>
  <si>
    <t>30 to 40 years</t>
  </si>
  <si>
    <t>More than 40 years</t>
  </si>
  <si>
    <t>Current Indexed LTV</t>
  </si>
  <si>
    <t>Up to 40%</t>
  </si>
  <si>
    <t>40 to 50%</t>
  </si>
  <si>
    <t>50 to 60%</t>
  </si>
  <si>
    <t>60 to 70%</t>
  </si>
  <si>
    <t>70 to 80%</t>
  </si>
  <si>
    <t>More than 80%</t>
  </si>
  <si>
    <t>Loan Purpose</t>
  </si>
  <si>
    <t>Owner-occupied</t>
  </si>
  <si>
    <t>Second Home</t>
  </si>
  <si>
    <t>Buy to let</t>
  </si>
  <si>
    <t>Property Type</t>
  </si>
  <si>
    <t>Flat</t>
  </si>
  <si>
    <t>House</t>
  </si>
  <si>
    <t>Geographical Distribution</t>
  </si>
  <si>
    <r>
      <t>Delinquencies</t>
    </r>
    <r>
      <rPr>
        <b/>
        <vertAlign val="superscript"/>
        <sz val="9"/>
        <color theme="3"/>
        <rFont val="Santander Text"/>
        <family val="2"/>
      </rPr>
      <t>7</t>
    </r>
  </si>
  <si>
    <t xml:space="preserve">Total Loan Amount </t>
  </si>
  <si>
    <t>&gt; 30 days to 60 days</t>
  </si>
  <si>
    <t>&gt; 60 days to 90 days</t>
  </si>
  <si>
    <t>&gt; 90 days</t>
  </si>
  <si>
    <r>
      <t>Projected Outstanding Amount</t>
    </r>
    <r>
      <rPr>
        <b/>
        <vertAlign val="superscript"/>
        <sz val="9"/>
        <rFont val="Santander Text"/>
        <family val="2"/>
      </rPr>
      <t>b</t>
    </r>
  </si>
  <si>
    <t>Amortisation
Profile</t>
  </si>
  <si>
    <t>Principal Balance</t>
  </si>
  <si>
    <r>
      <rPr>
        <vertAlign val="superscript"/>
        <sz val="9"/>
        <rFont val="Santander Text"/>
        <family val="2"/>
      </rPr>
      <t xml:space="preserve">b </t>
    </r>
    <r>
      <rPr>
        <sz val="9"/>
        <rFont val="Santander Text"/>
        <family val="2"/>
      </rPr>
      <t>Includes mortgage pool and other assets; assumes no prepayments.</t>
    </r>
  </si>
  <si>
    <t>7. Expected Maturity Structure</t>
  </si>
  <si>
    <t>In EUR</t>
  </si>
  <si>
    <t>0-1 Years</t>
  </si>
  <si>
    <t>1-2 Years</t>
  </si>
  <si>
    <t>2-3 Years</t>
  </si>
  <si>
    <t>3-4 Years</t>
  </si>
  <si>
    <t>4-5 Years</t>
  </si>
  <si>
    <t>5-10 Years</t>
  </si>
  <si>
    <t>&gt;10 Years</t>
  </si>
  <si>
    <r>
      <t>Residencial Mortgages</t>
    </r>
    <r>
      <rPr>
        <vertAlign val="superscript"/>
        <sz val="9"/>
        <rFont val="Santander Text"/>
        <family val="2"/>
      </rPr>
      <t>b</t>
    </r>
  </si>
  <si>
    <t>Commercial Mortgages</t>
  </si>
  <si>
    <r>
      <t>Other Assets</t>
    </r>
    <r>
      <rPr>
        <vertAlign val="superscript"/>
        <sz val="9"/>
        <rFont val="Santander Text"/>
        <family val="2"/>
      </rPr>
      <t>2</t>
    </r>
  </si>
  <si>
    <t>Cover Pool</t>
  </si>
  <si>
    <t>Covered Bonds</t>
  </si>
  <si>
    <t>8. Derivative Financial Instruments</t>
  </si>
  <si>
    <t>Total Amount of Derivatives in the Cover pool</t>
  </si>
  <si>
    <r>
      <t>Of Which Interest Rate Derivatives</t>
    </r>
    <r>
      <rPr>
        <b/>
        <vertAlign val="superscript"/>
        <sz val="9"/>
        <rFont val="Santander Text"/>
        <family val="2"/>
      </rPr>
      <t>b</t>
    </r>
  </si>
  <si>
    <t>Fixed to Floating Swaps</t>
  </si>
  <si>
    <t>Interest Basis Swaps</t>
  </si>
  <si>
    <r>
      <t>Of Which Currency Swaps</t>
    </r>
    <r>
      <rPr>
        <b/>
        <vertAlign val="superscript"/>
        <sz val="9"/>
        <rFont val="Santander Text"/>
        <family val="2"/>
      </rPr>
      <t xml:space="preserve"> </t>
    </r>
  </si>
  <si>
    <r>
      <t>b</t>
    </r>
    <r>
      <rPr>
        <sz val="9"/>
        <rFont val="Santander Text"/>
        <family val="2"/>
      </rPr>
      <t xml:space="preserve"> External Counterparties (No)</t>
    </r>
  </si>
  <si>
    <t>9. Contacts</t>
  </si>
  <si>
    <t xml:space="preserve">Corporate Finance Division - Long Term Funding                                     </t>
  </si>
  <si>
    <t>mercadosfinanceiros@santander.pt</t>
  </si>
  <si>
    <t>Other Reports on BST website</t>
  </si>
  <si>
    <t>ECBC Label Website</t>
  </si>
  <si>
    <t>https://coveredbondlabel.com/</t>
  </si>
  <si>
    <t>Notes</t>
  </si>
  <si>
    <r>
      <rPr>
        <b/>
        <vertAlign val="superscript"/>
        <sz val="9"/>
        <rFont val="Santander Text"/>
        <family val="2"/>
      </rPr>
      <t>1</t>
    </r>
    <r>
      <rPr>
        <b/>
        <sz val="9"/>
        <rFont val="Santander Text"/>
        <family val="2"/>
      </rPr>
      <t xml:space="preserve"> Soft Bullet Date (Extended Maturity)</t>
    </r>
  </si>
  <si>
    <t>If the covered bonds are not redeemed on the relevant maturity date, the maturity will automatically be extended on a monthly basis up to one year. In that event, the covered bonds can be redeemed in whole or in part on a monthly basis up to and including the Extended Maturity Date.</t>
  </si>
  <si>
    <r>
      <rPr>
        <b/>
        <vertAlign val="superscript"/>
        <sz val="9"/>
        <rFont val="Santander Text"/>
        <family val="2"/>
      </rPr>
      <t>2</t>
    </r>
    <r>
      <rPr>
        <b/>
        <sz val="9"/>
        <rFont val="Santander Text"/>
        <family val="2"/>
      </rPr>
      <t xml:space="preserve"> Other Assets</t>
    </r>
  </si>
  <si>
    <t>In addition to the mortgage assets, other assets (or substitution assets) may be included in the cover pool, subject to the following eligibility criteria:
- any other assets which are not deemed to be Primary Assets,
- deposit with the Bank of Portugal in cash or securities eligible for credit transactions in the Eurosystem lending operations, 
- deposits held with credit institutions located in the EEA which are not in a control or group relationship with BST,
- any other assets located in the EEA complying simultaneously with the low risk and high liquidity requirements, and
- any liquidity assets which may compose the Liquidity Buffer.</t>
  </si>
  <si>
    <r>
      <rPr>
        <b/>
        <vertAlign val="superscript"/>
        <sz val="9"/>
        <rFont val="Santander Text"/>
        <family val="2"/>
      </rPr>
      <t>3</t>
    </r>
    <r>
      <rPr>
        <b/>
        <sz val="9"/>
        <rFont val="Santander Text"/>
        <family val="2"/>
      </rPr>
      <t xml:space="preserve"> Overcollateralisation</t>
    </r>
  </si>
  <si>
    <t>The overcollateralisation ratios are calculated by dividing (i) the total outstanding balance of the assets included in the cover pool by (ii) the total nominal amount of the covered bonds (both excluding accrued interest). For clarification purposes, all assets included in the covered pool are eligible assets.</t>
  </si>
  <si>
    <r>
      <rPr>
        <b/>
        <vertAlign val="superscript"/>
        <sz val="9"/>
        <rFont val="Santander Text"/>
        <family val="2"/>
      </rPr>
      <t>4</t>
    </r>
    <r>
      <rPr>
        <b/>
        <sz val="9"/>
        <rFont val="Santander Text"/>
        <family val="2"/>
      </rPr>
      <t xml:space="preserve"> Net Present Value (NPV)</t>
    </r>
  </si>
  <si>
    <t>The NPV of the assets is obtained by discounting all future cash flows with the IRS curve plus average spread for new transactions. 
The NPV of the liabilities is obtained by discounting all future cash flows based on the funding curve of the issuer.
Substitution assets as well as any derivatives in the pool are marked at their market value.
NPV of liabilities cannot exceed the NPV of the portfolio assigned to the bond, including derivatives.
Stress testing - Net present value is also calculated for a 200 bps shift upwards and downwards of the discounting curve.</t>
  </si>
  <si>
    <r>
      <rPr>
        <b/>
        <vertAlign val="superscript"/>
        <sz val="9"/>
        <rFont val="Santander Text"/>
        <family val="2"/>
      </rPr>
      <t>5</t>
    </r>
    <r>
      <rPr>
        <b/>
        <sz val="9"/>
        <rFont val="Santander Text"/>
        <family val="2"/>
      </rPr>
      <t xml:space="preserve"> Loan-to-Value</t>
    </r>
  </si>
  <si>
    <t>The Current LTV is calculated by dividing the outstanding balance of the loan by the value of the underlying property (last physical valuation).
The Current indexed LTV is calculated by dividing the outstanding balance of the loan by the latest valuation amount of the underlying property (i.e. indexed value or last physical valuation).
A full valuation of the underlying properties must have been performed by an independent appraiser, at origination or after, prior to the inclusion of the mortgage loan in the cover pool.
Properties (both residential and commercial) should be monitored by BST frequently and at least annually.
BST shall also perform any internal check of the value of each property:
- once every three years, for residential properties; 
- at least once a year for commercial properties;
- if the individual mortgage credit value exceeds (i) 5 per cent. of BST’s own funds or (ii) € 500,000, in the case of residential properties, or € 1,000,000 in the case of commercial assets, the valuation of the relevant properties shall be reviewed by an independent appraiser at least every 3 years. 
-Also the value of the mortgage property should be checked on a frequent basis, at least every three years, in order to identify the properties that require appraisal by an expert (this procedure can be done using statistical models and methods approved by the CMVM).</t>
  </si>
  <si>
    <r>
      <rPr>
        <b/>
        <vertAlign val="superscript"/>
        <sz val="9"/>
        <rFont val="Santander Text"/>
        <family val="2"/>
      </rPr>
      <t>6</t>
    </r>
    <r>
      <rPr>
        <b/>
        <sz val="9"/>
        <rFont val="Santander Text"/>
        <family val="2"/>
      </rPr>
      <t xml:space="preserve"> Insured Property</t>
    </r>
  </si>
  <si>
    <t>All mortgages must have property damage insurance covering the risk of loss and damage.</t>
  </si>
  <si>
    <r>
      <rPr>
        <b/>
        <vertAlign val="superscript"/>
        <sz val="9"/>
        <rFont val="Santander Text"/>
        <family val="2"/>
      </rPr>
      <t>7</t>
    </r>
    <r>
      <rPr>
        <b/>
        <sz val="9"/>
        <rFont val="Santander Text"/>
        <family val="2"/>
      </rPr>
      <t xml:space="preserve"> Delinquencies</t>
    </r>
  </si>
  <si>
    <t>A loan is considered to be delinquent if any payment is in arrears by more than 30 days. According to the Portuguese covered bonds legislation, any loan that becomes delinquent after being allocated to the cover pool may still remain in such cover pool provided that the delinquency period is not equal to or higher than 90 days. If the delinquent loan is not removed from the cover pool following 90 days it shall not count towards the statutory tests or the overcollateralisation percentage and shall be substituted by another loan which fulfills the eligibility criteria. Therefore, there are no NPL's included in the cover pool</t>
  </si>
  <si>
    <t>Euro 15,000,000,000  Covered Bonds Programme</t>
  </si>
  <si>
    <t>AA+</t>
  </si>
  <si>
    <t>A+</t>
  </si>
  <si>
    <t>F1+</t>
  </si>
  <si>
    <t>Reporting Date: 31/03/2026</t>
  </si>
  <si>
    <t>Cut-off Date: 31/03/2026</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64" formatCode="_(* #,##0.00_);_(* \(#,##0.00\);_(* &quot;-&quot;??_);_(@_)"/>
    <numFmt numFmtId="165" formatCode="_ * #,##0.00_ ;_ * \-#,##0.00_ ;_ * &quot;-&quot;??_ ;_ @_ "/>
    <numFmt numFmtId="166" formatCode="0.0%"/>
    <numFmt numFmtId="167" formatCode="#,##0.0"/>
    <numFmt numFmtId="168" formatCode="0.0"/>
    <numFmt numFmtId="169" formatCode="dd\-mm\-yyyy;@"/>
    <numFmt numFmtId="170" formatCode="yyyy/mm/dd"/>
  </numFmts>
  <fonts count="68"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sz val="24"/>
      <color theme="1"/>
      <name val="Calibri"/>
      <family val="2"/>
      <scheme val="minor"/>
    </font>
    <font>
      <sz val="9"/>
      <color theme="1"/>
      <name val="Verdana"/>
      <family val="2"/>
    </font>
    <font>
      <b/>
      <sz val="9"/>
      <color theme="1"/>
      <name val="Verdana"/>
      <family val="2"/>
    </font>
    <font>
      <b/>
      <sz val="14"/>
      <color theme="0"/>
      <name val="Calibri"/>
      <family val="2"/>
      <scheme val="minor"/>
    </font>
    <font>
      <b/>
      <i/>
      <sz val="14"/>
      <color theme="0"/>
      <name val="Calibri"/>
      <family val="2"/>
      <scheme val="minor"/>
    </font>
    <font>
      <b/>
      <i/>
      <sz val="11"/>
      <name val="Calibri"/>
      <family val="2"/>
      <scheme val="minor"/>
    </font>
    <font>
      <b/>
      <i/>
      <sz val="11"/>
      <color theme="0"/>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b/>
      <sz val="11.5"/>
      <color rgb="FF1E1B1D"/>
      <name val="Calibri"/>
      <family val="2"/>
      <scheme val="minor"/>
    </font>
    <font>
      <sz val="13"/>
      <color rgb="FF1E1B1D"/>
      <name val="Calibri"/>
      <family val="2"/>
      <scheme val="minor"/>
    </font>
    <font>
      <b/>
      <sz val="14"/>
      <name val="Calibri"/>
      <family val="2"/>
      <scheme val="minor"/>
    </font>
    <font>
      <sz val="13"/>
      <color theme="1"/>
      <name val="Calibri"/>
      <family val="2"/>
      <scheme val="minor"/>
    </font>
    <font>
      <b/>
      <sz val="13"/>
      <color rgb="FF1E1B1D"/>
      <name val="Calibri"/>
      <family val="2"/>
      <scheme val="minor"/>
    </font>
    <font>
      <b/>
      <sz val="13"/>
      <name val="Calibri"/>
      <family val="2"/>
      <scheme val="minor"/>
    </font>
    <font>
      <sz val="13"/>
      <name val="Calibri"/>
      <family val="2"/>
      <scheme val="minor"/>
    </font>
    <font>
      <b/>
      <sz val="13"/>
      <color rgb="FF333333"/>
      <name val="Calibri"/>
      <family val="2"/>
      <scheme val="minor"/>
    </font>
    <font>
      <i/>
      <sz val="13"/>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11"/>
      <color rgb="FF000000"/>
      <name val="Calibri"/>
      <family val="2"/>
      <scheme val="minor"/>
    </font>
    <font>
      <sz val="8"/>
      <name val="Calibri"/>
      <family val="2"/>
      <scheme val="minor"/>
    </font>
    <font>
      <sz val="14"/>
      <color theme="1"/>
      <name val="Calibri"/>
      <family val="2"/>
      <scheme val="minor"/>
    </font>
    <font>
      <b/>
      <i/>
      <sz val="10"/>
      <name val="Calibri"/>
      <family val="2"/>
      <scheme val="minor"/>
    </font>
    <font>
      <sz val="11"/>
      <name val="Calibri"/>
      <family val="2"/>
    </font>
    <font>
      <b/>
      <u/>
      <sz val="9"/>
      <color theme="1"/>
      <name val="Verdana"/>
      <family val="2"/>
    </font>
    <font>
      <i/>
      <sz val="12"/>
      <color theme="1"/>
      <name val="Calibri"/>
      <family val="2"/>
      <scheme val="minor"/>
    </font>
    <font>
      <sz val="9"/>
      <color theme="1"/>
      <name val="Santander Text"/>
      <family val="2"/>
    </font>
    <font>
      <sz val="9"/>
      <name val="Santander Text"/>
      <family val="2"/>
    </font>
    <font>
      <b/>
      <sz val="9"/>
      <name val="Santander Text"/>
      <family val="2"/>
    </font>
    <font>
      <b/>
      <sz val="9"/>
      <color indexed="9"/>
      <name val="Santander Text"/>
      <family val="2"/>
    </font>
    <font>
      <vertAlign val="superscript"/>
      <sz val="9"/>
      <name val="Santander Text"/>
      <family val="2"/>
    </font>
    <font>
      <i/>
      <sz val="9"/>
      <name val="Santander Text"/>
      <family val="2"/>
    </font>
    <font>
      <b/>
      <vertAlign val="superscript"/>
      <sz val="9"/>
      <name val="Santander Text"/>
      <family val="2"/>
    </font>
    <font>
      <b/>
      <sz val="9"/>
      <color theme="1"/>
      <name val="Santander Text"/>
      <family val="2"/>
    </font>
    <font>
      <sz val="9"/>
      <color theme="3"/>
      <name val="Santander Text"/>
      <family val="2"/>
    </font>
    <font>
      <b/>
      <sz val="9"/>
      <color theme="3"/>
      <name val="Santander Text"/>
      <family val="2"/>
    </font>
    <font>
      <b/>
      <vertAlign val="superscript"/>
      <sz val="9"/>
      <color theme="3"/>
      <name val="Santander Text"/>
      <family val="2"/>
    </font>
    <font>
      <u/>
      <sz val="9.9"/>
      <color theme="10"/>
      <name val="Calibri"/>
      <family val="2"/>
    </font>
    <font>
      <sz val="9"/>
      <color theme="10"/>
      <name val="Santander Text"/>
      <family val="2"/>
    </font>
    <font>
      <sz val="11"/>
      <color indexed="8"/>
      <name val="Calibri"/>
      <family val="2"/>
    </font>
    <font>
      <b/>
      <sz val="9"/>
      <name val="Tahoma"/>
      <family val="2"/>
    </font>
    <font>
      <sz val="9"/>
      <name val="Tahoma"/>
      <family val="2"/>
    </font>
  </fonts>
  <fills count="12">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theme="0" tint="-0.249977111117893"/>
        <bgColor indexed="64"/>
      </patternFill>
    </fill>
    <fill>
      <patternFill patternType="solid">
        <fgColor rgb="FFFFFFFF"/>
        <bgColor indexed="64"/>
      </patternFill>
    </fill>
    <fill>
      <patternFill patternType="solid">
        <fgColor rgb="FFFF0000"/>
        <bgColor indexed="64"/>
      </patternFill>
    </fill>
    <fill>
      <patternFill patternType="solid">
        <fgColor indexed="9"/>
        <bgColor indexed="64"/>
      </patternFill>
    </fill>
  </fills>
  <borders count="32">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bottom style="medium">
        <color rgb="FFE36E00"/>
      </bottom>
      <diagonal/>
    </border>
    <border>
      <left/>
      <right/>
      <top/>
      <bottom style="thin">
        <color rgb="FFFF0000"/>
      </bottom>
      <diagonal/>
    </border>
    <border>
      <left/>
      <right style="medium">
        <color theme="0"/>
      </right>
      <top style="thin">
        <color rgb="FFFF0000"/>
      </top>
      <bottom style="thin">
        <color rgb="FFFF0000"/>
      </bottom>
      <diagonal/>
    </border>
    <border>
      <left/>
      <right/>
      <top style="thin">
        <color rgb="FFFF0000"/>
      </top>
      <bottom style="thin">
        <color rgb="FFFF0000"/>
      </bottom>
      <diagonal/>
    </border>
    <border>
      <left style="medium">
        <color theme="0"/>
      </left>
      <right/>
      <top style="thin">
        <color rgb="FFFF0000"/>
      </top>
      <bottom style="thin">
        <color rgb="FFFF0000"/>
      </bottom>
      <diagonal/>
    </border>
    <border>
      <left/>
      <right/>
      <top style="thin">
        <color rgb="FFFF0000"/>
      </top>
      <bottom/>
      <diagonal/>
    </border>
    <border>
      <left/>
      <right/>
      <top/>
      <bottom style="medium">
        <color rgb="FFFF0000"/>
      </bottom>
      <diagonal/>
    </border>
    <border>
      <left style="medium">
        <color theme="0"/>
      </left>
      <right/>
      <top style="thin">
        <color rgb="FFFF0000"/>
      </top>
      <bottom/>
      <diagonal/>
    </border>
    <border>
      <left style="medium">
        <color theme="0"/>
      </left>
      <right style="medium">
        <color theme="0"/>
      </right>
      <top style="thin">
        <color rgb="FFFF0000"/>
      </top>
      <bottom style="thin">
        <color rgb="FFFF0000"/>
      </bottom>
      <diagonal/>
    </border>
    <border>
      <left/>
      <right/>
      <top style="medium">
        <color rgb="FFFF0000"/>
      </top>
      <bottom/>
      <diagonal/>
    </border>
    <border>
      <left/>
      <right/>
      <top style="medium">
        <color theme="3" tint="0.39994506668294322"/>
      </top>
      <bottom/>
      <diagonal/>
    </border>
    <border>
      <left/>
      <right/>
      <top style="medium">
        <color rgb="FFFF0000"/>
      </top>
      <bottom style="medium">
        <color rgb="FFFF0000"/>
      </bottom>
      <diagonal/>
    </border>
    <border>
      <left style="thin">
        <color rgb="FFFF0000"/>
      </left>
      <right/>
      <top style="thin">
        <color rgb="FFFF0000"/>
      </top>
      <bottom style="thin">
        <color rgb="FFFF0000"/>
      </bottom>
      <diagonal/>
    </border>
    <border>
      <left/>
      <right style="thin">
        <color rgb="FFFF0000"/>
      </right>
      <top style="thin">
        <color rgb="FFFF0000"/>
      </top>
      <bottom style="thin">
        <color rgb="FFFF0000"/>
      </bottom>
      <diagonal/>
    </border>
  </borders>
  <cellStyleXfs count="15">
    <xf numFmtId="0" fontId="0" fillId="0" borderId="0"/>
    <xf numFmtId="9" fontId="4" fillId="0" borderId="0" applyFont="0" applyFill="0" applyBorder="0" applyAlignment="0" applyProtection="0"/>
    <xf numFmtId="0" fontId="14" fillId="0" borderId="0" applyNumberFormat="0" applyFill="0" applyBorder="0" applyAlignment="0" applyProtection="0"/>
    <xf numFmtId="165" fontId="4" fillId="0" borderId="0" applyFont="0" applyFill="0" applyBorder="0" applyAlignment="0" applyProtection="0"/>
    <xf numFmtId="0" fontId="27" fillId="0" borderId="0"/>
    <xf numFmtId="0" fontId="27" fillId="0" borderId="0"/>
    <xf numFmtId="0" fontId="27" fillId="0" borderId="0"/>
    <xf numFmtId="0" fontId="41" fillId="0" borderId="0"/>
    <xf numFmtId="0" fontId="27" fillId="0" borderId="0">
      <alignment horizontal="left" wrapText="1"/>
    </xf>
    <xf numFmtId="164" fontId="4" fillId="0" borderId="0" applyFont="0" applyFill="0" applyBorder="0" applyAlignment="0" applyProtection="0"/>
    <xf numFmtId="9" fontId="27" fillId="0" borderId="0" applyFont="0" applyFill="0" applyBorder="0" applyAlignment="0" applyProtection="0"/>
    <xf numFmtId="0" fontId="27" fillId="0" borderId="0">
      <alignment horizontal="left" wrapText="1"/>
    </xf>
    <xf numFmtId="0" fontId="27" fillId="0" borderId="0">
      <alignment horizontal="left" wrapText="1"/>
    </xf>
    <xf numFmtId="0" fontId="63" fillId="0" borderId="0" applyNumberFormat="0" applyFill="0" applyBorder="0" applyAlignment="0" applyProtection="0">
      <alignment vertical="top"/>
      <protection locked="0"/>
    </xf>
    <xf numFmtId="0" fontId="65" fillId="0" borderId="0"/>
  </cellStyleXfs>
  <cellXfs count="378">
    <xf numFmtId="0" fontId="0" fillId="0" borderId="0" xfId="0"/>
    <xf numFmtId="0" fontId="0" fillId="0" borderId="0" xfId="0" applyAlignment="1">
      <alignment horizontal="center"/>
    </xf>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xf numFmtId="0" fontId="7" fillId="0" borderId="5" xfId="0" applyFont="1" applyBorder="1"/>
    <xf numFmtId="0" fontId="8" fillId="0" borderId="0" xfId="0" applyFont="1" applyAlignment="1">
      <alignment horizontal="center"/>
    </xf>
    <xf numFmtId="0" fontId="9" fillId="0" borderId="0" xfId="0" applyFont="1" applyAlignment="1">
      <alignment horizontal="center" vertical="center"/>
    </xf>
    <xf numFmtId="17" fontId="10" fillId="0" borderId="0" xfId="0" applyNumberFormat="1" applyFont="1" applyAlignment="1">
      <alignment horizontal="center"/>
    </xf>
    <xf numFmtId="0" fontId="11" fillId="0" borderId="0" xfId="0" applyFont="1" applyAlignment="1">
      <alignment horizontal="center" vertical="center"/>
    </xf>
    <xf numFmtId="0" fontId="12" fillId="0" borderId="0" xfId="0" applyFont="1" applyAlignment="1">
      <alignment horizontal="center" vertical="center"/>
    </xf>
    <xf numFmtId="0" fontId="10" fillId="0" borderId="0" xfId="0" applyFont="1" applyAlignment="1">
      <alignment horizontal="center"/>
    </xf>
    <xf numFmtId="0" fontId="13" fillId="0" borderId="0" xfId="0" applyFont="1"/>
    <xf numFmtId="0" fontId="6" fillId="0" borderId="0" xfId="2" applyFont="1" applyAlignment="1"/>
    <xf numFmtId="0" fontId="7" fillId="0" borderId="6" xfId="0" applyFont="1" applyBorder="1"/>
    <xf numFmtId="0" fontId="7" fillId="0" borderId="7" xfId="0" applyFont="1" applyBorder="1"/>
    <xf numFmtId="0" fontId="7" fillId="0" borderId="8" xfId="0" applyFont="1" applyBorder="1"/>
    <xf numFmtId="0" fontId="0" fillId="4" borderId="0" xfId="0" applyFill="1"/>
    <xf numFmtId="0" fontId="0" fillId="0" borderId="4" xfId="0" applyBorder="1"/>
    <xf numFmtId="0" fontId="0" fillId="0" borderId="5" xfId="0" applyBorder="1"/>
    <xf numFmtId="0" fontId="0" fillId="0" borderId="7" xfId="0" applyBorder="1"/>
    <xf numFmtId="0" fontId="3" fillId="0" borderId="0" xfId="0" applyFont="1"/>
    <xf numFmtId="0" fontId="7" fillId="0" borderId="0" xfId="0" quotePrefix="1" applyFont="1" applyAlignment="1">
      <alignment horizontal="right"/>
    </xf>
    <xf numFmtId="0" fontId="10" fillId="0" borderId="7" xfId="0" applyFont="1" applyBorder="1" applyAlignment="1">
      <alignment horizontal="center"/>
    </xf>
    <xf numFmtId="0" fontId="16" fillId="0" borderId="0" xfId="0" applyFont="1"/>
    <xf numFmtId="0" fontId="11" fillId="0" borderId="0" xfId="0" applyFont="1" applyAlignment="1">
      <alignment horizontal="left" vertical="center"/>
    </xf>
    <xf numFmtId="0" fontId="15" fillId="0" borderId="0" xfId="0" applyFont="1" applyAlignment="1">
      <alignment horizontal="left"/>
    </xf>
    <xf numFmtId="0" fontId="16" fillId="0" borderId="0" xfId="0" applyFont="1" applyAlignment="1">
      <alignment horizontal="center" vertical="center"/>
    </xf>
    <xf numFmtId="0" fontId="16" fillId="0" borderId="0" xfId="0" applyFont="1" applyAlignment="1">
      <alignment vertical="center" wrapText="1"/>
    </xf>
    <xf numFmtId="0" fontId="17" fillId="0" borderId="9" xfId="0" applyFont="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7" fillId="0" borderId="0" xfId="0" applyFont="1"/>
    <xf numFmtId="0" fontId="19" fillId="5" borderId="10" xfId="0" quotePrefix="1" applyFont="1" applyFill="1" applyBorder="1" applyAlignment="1">
      <alignment horizontal="left" vertical="center"/>
    </xf>
    <xf numFmtId="0" fontId="19" fillId="5" borderId="12" xfId="0" quotePrefix="1" applyFont="1" applyFill="1" applyBorder="1" applyAlignment="1">
      <alignment horizontal="center" vertical="center" wrapText="1"/>
    </xf>
    <xf numFmtId="0" fontId="19" fillId="5" borderId="11" xfId="0" quotePrefix="1" applyFont="1" applyFill="1" applyBorder="1" applyAlignment="1">
      <alignment horizontal="center" vertical="center" wrapText="1"/>
    </xf>
    <xf numFmtId="0" fontId="20" fillId="6" borderId="10" xfId="0" quotePrefix="1" applyFont="1" applyFill="1" applyBorder="1" applyAlignment="1">
      <alignment horizontal="left" vertical="center"/>
    </xf>
    <xf numFmtId="0" fontId="20" fillId="6" borderId="13" xfId="0" quotePrefix="1" applyFont="1" applyFill="1" applyBorder="1" applyAlignment="1">
      <alignment horizontal="left" vertical="center"/>
    </xf>
    <xf numFmtId="0" fontId="16" fillId="0" borderId="13" xfId="0" applyFont="1" applyBorder="1" applyAlignment="1">
      <alignment horizontal="center" vertical="center" wrapText="1"/>
    </xf>
    <xf numFmtId="0" fontId="5" fillId="2" borderId="10" xfId="0" applyFont="1" applyFill="1" applyBorder="1" applyAlignment="1">
      <alignment horizontal="center" vertical="center" wrapText="1"/>
    </xf>
    <xf numFmtId="0" fontId="0" fillId="0" borderId="13" xfId="0" applyBorder="1" applyAlignment="1">
      <alignment vertical="center" wrapText="1"/>
    </xf>
    <xf numFmtId="0" fontId="16" fillId="0" borderId="13" xfId="0" applyFont="1" applyBorder="1" applyAlignment="1">
      <alignment horizontal="center" vertical="center"/>
    </xf>
    <xf numFmtId="0" fontId="2" fillId="0" borderId="13" xfId="0" applyFont="1" applyBorder="1" applyAlignment="1">
      <alignment vertical="center" wrapText="1"/>
    </xf>
    <xf numFmtId="0" fontId="21" fillId="5" borderId="11" xfId="0" quotePrefix="1" applyFont="1" applyFill="1" applyBorder="1" applyAlignment="1">
      <alignment horizontal="center" vertical="center" wrapText="1"/>
    </xf>
    <xf numFmtId="0" fontId="16" fillId="0" borderId="0" xfId="0" applyFont="1" applyAlignment="1">
      <alignment horizontal="center" vertical="center" wrapText="1"/>
    </xf>
    <xf numFmtId="0" fontId="0" fillId="0" borderId="0" xfId="0" quotePrefix="1" applyAlignment="1">
      <alignment horizontal="center" vertical="center" wrapText="1"/>
    </xf>
    <xf numFmtId="0" fontId="9" fillId="0" borderId="0" xfId="0" applyFont="1" applyAlignment="1">
      <alignment horizontal="left" vertical="center"/>
    </xf>
    <xf numFmtId="0" fontId="0" fillId="0" borderId="0" xfId="0" applyAlignment="1">
      <alignment horizontal="center" vertical="center" wrapText="1"/>
    </xf>
    <xf numFmtId="0" fontId="0" fillId="0" borderId="14" xfId="0" applyBorder="1" applyAlignment="1">
      <alignment horizontal="center" vertical="center" wrapText="1"/>
    </xf>
    <xf numFmtId="0" fontId="2" fillId="0" borderId="0" xfId="0" applyFont="1" applyAlignment="1">
      <alignment horizontal="center" vertical="center" wrapText="1"/>
    </xf>
    <xf numFmtId="0" fontId="18" fillId="0" borderId="0" xfId="0" applyFont="1" applyAlignment="1">
      <alignment vertical="center" wrapText="1"/>
    </xf>
    <xf numFmtId="0" fontId="18" fillId="3" borderId="0" xfId="0" applyFont="1" applyFill="1" applyAlignment="1">
      <alignment horizontal="center" vertical="center" wrapText="1"/>
    </xf>
    <xf numFmtId="0" fontId="2" fillId="0" borderId="15" xfId="0" applyFont="1" applyBorder="1" applyAlignment="1">
      <alignment horizontal="center" vertical="center" wrapText="1"/>
    </xf>
    <xf numFmtId="0" fontId="18" fillId="0" borderId="0" xfId="0" applyFont="1" applyAlignment="1">
      <alignment horizontal="center" vertical="center" wrapText="1"/>
    </xf>
    <xf numFmtId="0" fontId="18" fillId="2" borderId="16" xfId="0" applyFont="1" applyFill="1" applyBorder="1" applyAlignment="1">
      <alignment horizontal="center" vertical="center" wrapText="1"/>
    </xf>
    <xf numFmtId="0" fontId="22" fillId="0" borderId="0" xfId="0" applyFont="1" applyAlignment="1">
      <alignment horizontal="center" vertical="center" wrapText="1"/>
    </xf>
    <xf numFmtId="0" fontId="14" fillId="0" borderId="17" xfId="2" applyFill="1" applyBorder="1" applyAlignment="1">
      <alignment horizontal="center" vertical="center" wrapText="1"/>
    </xf>
    <xf numFmtId="0" fontId="14" fillId="0" borderId="17" xfId="2" quotePrefix="1" applyFill="1" applyBorder="1" applyAlignment="1">
      <alignment horizontal="center" vertical="center" wrapText="1"/>
    </xf>
    <xf numFmtId="0" fontId="14" fillId="0" borderId="18" xfId="2" quotePrefix="1" applyFill="1" applyBorder="1" applyAlignment="1">
      <alignment horizontal="center" vertical="center" wrapText="1"/>
    </xf>
    <xf numFmtId="0" fontId="14" fillId="0" borderId="0" xfId="2" quotePrefix="1" applyFill="1" applyBorder="1" applyAlignment="1">
      <alignment horizontal="center" vertical="center" wrapText="1"/>
    </xf>
    <xf numFmtId="0" fontId="18" fillId="2" borderId="0" xfId="0" applyFont="1" applyFill="1" applyAlignment="1">
      <alignment horizontal="center" vertical="center" wrapText="1"/>
    </xf>
    <xf numFmtId="0" fontId="22" fillId="2" borderId="0" xfId="0" applyFont="1" applyFill="1" applyAlignment="1">
      <alignment horizontal="center" vertical="center" wrapText="1"/>
    </xf>
    <xf numFmtId="0" fontId="0" fillId="2" borderId="0" xfId="0" applyFill="1" applyAlignment="1">
      <alignment horizontal="center" vertical="center" wrapText="1"/>
    </xf>
    <xf numFmtId="0" fontId="23" fillId="0" borderId="0" xfId="0" applyFont="1" applyAlignment="1">
      <alignment horizontal="center" vertical="center" wrapText="1"/>
    </xf>
    <xf numFmtId="0" fontId="24" fillId="0" borderId="0" xfId="0" applyFont="1" applyAlignment="1">
      <alignment horizontal="center" vertical="center" wrapText="1"/>
    </xf>
    <xf numFmtId="0" fontId="25" fillId="0" borderId="0" xfId="2" quotePrefix="1" applyFont="1" applyFill="1" applyBorder="1" applyAlignment="1">
      <alignment horizontal="center" vertical="center" wrapText="1"/>
    </xf>
    <xf numFmtId="0" fontId="2" fillId="0" borderId="0" xfId="0" quotePrefix="1" applyFont="1" applyAlignment="1">
      <alignment horizontal="center" vertical="center" wrapText="1"/>
    </xf>
    <xf numFmtId="0" fontId="23" fillId="0" borderId="0" xfId="0" quotePrefix="1" applyFont="1" applyAlignment="1">
      <alignment horizontal="center" vertical="center" wrapText="1"/>
    </xf>
    <xf numFmtId="0" fontId="23" fillId="6" borderId="0" xfId="0" applyFont="1" applyFill="1" applyAlignment="1">
      <alignment horizontal="center" vertical="center" wrapText="1"/>
    </xf>
    <xf numFmtId="0" fontId="20" fillId="6" borderId="0" xfId="0" quotePrefix="1" applyFont="1" applyFill="1" applyAlignment="1">
      <alignment horizontal="center" vertical="center" wrapText="1"/>
    </xf>
    <xf numFmtId="0" fontId="22" fillId="6" borderId="0" xfId="0" applyFont="1" applyFill="1" applyAlignment="1">
      <alignment horizontal="center" vertical="center" wrapText="1"/>
    </xf>
    <xf numFmtId="0" fontId="3" fillId="6" borderId="0" xfId="0" applyFont="1" applyFill="1" applyAlignment="1">
      <alignment horizontal="center" vertical="center" wrapText="1"/>
    </xf>
    <xf numFmtId="0" fontId="24" fillId="0" borderId="0" xfId="0" quotePrefix="1" applyFont="1" applyAlignment="1">
      <alignment horizontal="center" vertical="center" wrapText="1"/>
    </xf>
    <xf numFmtId="3" fontId="2" fillId="0" borderId="0" xfId="0" quotePrefix="1" applyNumberFormat="1" applyFont="1" applyAlignment="1">
      <alignment horizontal="center" vertical="center" wrapText="1"/>
    </xf>
    <xf numFmtId="10" fontId="2" fillId="0" borderId="0" xfId="0" quotePrefix="1" applyNumberFormat="1" applyFont="1" applyAlignment="1">
      <alignment horizontal="center" vertical="center" wrapText="1"/>
    </xf>
    <xf numFmtId="0" fontId="2" fillId="0" borderId="0" xfId="0" quotePrefix="1" applyFont="1" applyAlignment="1">
      <alignment horizontal="right" vertical="center" wrapText="1"/>
    </xf>
    <xf numFmtId="9" fontId="2" fillId="0" borderId="0" xfId="1" quotePrefix="1" applyFont="1" applyFill="1" applyBorder="1" applyAlignment="1">
      <alignment horizontal="center" vertical="center" wrapText="1"/>
    </xf>
    <xf numFmtId="0" fontId="24" fillId="0" borderId="0" xfId="0" applyFont="1" applyAlignment="1">
      <alignment horizontal="right" vertical="center" wrapText="1"/>
    </xf>
    <xf numFmtId="0" fontId="26" fillId="0" borderId="0" xfId="0" applyFont="1" applyAlignment="1">
      <alignment horizontal="center" vertical="center" wrapText="1"/>
    </xf>
    <xf numFmtId="0" fontId="3" fillId="0" borderId="0" xfId="0" quotePrefix="1" applyFont="1" applyAlignment="1">
      <alignment horizontal="center" vertical="center" wrapText="1"/>
    </xf>
    <xf numFmtId="0" fontId="3" fillId="0" borderId="0" xfId="0" applyFont="1" applyAlignment="1">
      <alignment horizontal="center" vertical="center" wrapText="1"/>
    </xf>
    <xf numFmtId="0" fontId="0" fillId="0" borderId="0" xfId="0" quotePrefix="1" applyAlignment="1">
      <alignment horizontal="right" vertical="center" wrapText="1"/>
    </xf>
    <xf numFmtId="0" fontId="1" fillId="0" borderId="0" xfId="0" quotePrefix="1" applyFont="1" applyAlignment="1">
      <alignment horizontal="right" vertical="center" wrapText="1"/>
    </xf>
    <xf numFmtId="0" fontId="27" fillId="0" borderId="0" xfId="0" applyFont="1" applyAlignment="1">
      <alignment horizontal="center" vertical="center" wrapText="1"/>
    </xf>
    <xf numFmtId="9" fontId="2" fillId="0" borderId="0" xfId="1" applyFont="1" applyFill="1" applyBorder="1" applyAlignment="1">
      <alignment horizontal="center" vertical="center" wrapText="1"/>
    </xf>
    <xf numFmtId="9" fontId="0" fillId="0" borderId="0" xfId="1" quotePrefix="1" applyFont="1" applyFill="1" applyBorder="1" applyAlignment="1">
      <alignment horizontal="center" vertical="center" wrapText="1"/>
    </xf>
    <xf numFmtId="0" fontId="0" fillId="0" borderId="0" xfId="0" applyAlignment="1">
      <alignment horizontal="right" vertical="center" wrapText="1"/>
    </xf>
    <xf numFmtId="0" fontId="24" fillId="0" borderId="0" xfId="0" quotePrefix="1" applyFont="1" applyAlignment="1">
      <alignment horizontal="right" vertical="center" wrapText="1"/>
    </xf>
    <xf numFmtId="0" fontId="14" fillId="0" borderId="0" xfId="2" applyFill="1" applyBorder="1" applyAlignment="1">
      <alignment horizontal="center" vertical="center" wrapText="1"/>
    </xf>
    <xf numFmtId="0" fontId="30" fillId="0" borderId="0" xfId="0" applyFont="1" applyAlignment="1">
      <alignment horizontal="center" vertical="center" wrapText="1"/>
    </xf>
    <xf numFmtId="0" fontId="31" fillId="0" borderId="0" xfId="0" applyFont="1" applyAlignment="1">
      <alignment horizontal="center" vertical="center" wrapText="1"/>
    </xf>
    <xf numFmtId="0" fontId="20" fillId="0" borderId="0" xfId="0" quotePrefix="1" applyFont="1" applyAlignment="1">
      <alignment horizontal="center" vertical="center" wrapText="1"/>
    </xf>
    <xf numFmtId="0" fontId="0" fillId="0" borderId="0" xfId="0" applyAlignment="1">
      <alignment horizontal="left" vertical="center"/>
    </xf>
    <xf numFmtId="0" fontId="0" fillId="0" borderId="0" xfId="0" applyAlignment="1">
      <alignment horizontal="left" vertical="center" wrapText="1"/>
    </xf>
    <xf numFmtId="0" fontId="5" fillId="2" borderId="0" xfId="0" applyFont="1" applyFill="1" applyAlignment="1">
      <alignment horizontal="center" vertical="center" wrapText="1"/>
    </xf>
    <xf numFmtId="0" fontId="22" fillId="0" borderId="0" xfId="0" quotePrefix="1" applyFont="1" applyAlignment="1">
      <alignment horizontal="center" vertical="center" wrapText="1"/>
    </xf>
    <xf numFmtId="0" fontId="2" fillId="7" borderId="0" xfId="0" quotePrefix="1" applyFont="1" applyFill="1" applyAlignment="1">
      <alignment horizontal="center" vertical="center" wrapText="1"/>
    </xf>
    <xf numFmtId="0" fontId="32" fillId="0" borderId="0" xfId="0" applyFont="1" applyAlignment="1">
      <alignment horizontal="center" vertical="center"/>
    </xf>
    <xf numFmtId="0" fontId="33" fillId="0" borderId="0" xfId="0" applyFont="1" applyAlignment="1">
      <alignment vertical="center" wrapText="1"/>
    </xf>
    <xf numFmtId="0" fontId="34" fillId="0" borderId="0" xfId="0" applyFont="1" applyAlignment="1">
      <alignment horizontal="left" vertical="center" wrapText="1"/>
    </xf>
    <xf numFmtId="0" fontId="35" fillId="0" borderId="0" xfId="0" applyFont="1" applyAlignment="1">
      <alignment wrapText="1"/>
    </xf>
    <xf numFmtId="0" fontId="33" fillId="0" borderId="0" xfId="0" applyFont="1" applyAlignment="1">
      <alignment horizontal="left" vertical="center" wrapText="1"/>
    </xf>
    <xf numFmtId="0" fontId="37" fillId="0" borderId="0" xfId="0" applyFont="1" applyAlignment="1">
      <alignment vertical="center" wrapText="1"/>
    </xf>
    <xf numFmtId="0" fontId="38" fillId="0" borderId="0" xfId="0" applyFont="1" applyAlignment="1">
      <alignment horizontal="left" vertical="center" wrapText="1"/>
    </xf>
    <xf numFmtId="0" fontId="38" fillId="0" borderId="0" xfId="0" applyFont="1" applyAlignment="1">
      <alignment wrapText="1"/>
    </xf>
    <xf numFmtId="0" fontId="35" fillId="0" borderId="0" xfId="0" applyFont="1" applyAlignment="1">
      <alignment vertical="center" wrapText="1"/>
    </xf>
    <xf numFmtId="0" fontId="39" fillId="0" borderId="0" xfId="0" applyFont="1" applyAlignment="1">
      <alignment vertical="center" wrapText="1"/>
    </xf>
    <xf numFmtId="0" fontId="38" fillId="0" borderId="0" xfId="0" applyFont="1" applyAlignment="1">
      <alignment vertical="center" wrapText="1"/>
    </xf>
    <xf numFmtId="0" fontId="23" fillId="6" borderId="0" xfId="0" quotePrefix="1" applyFont="1" applyFill="1" applyAlignment="1">
      <alignment horizontal="center" vertical="center" wrapText="1"/>
    </xf>
    <xf numFmtId="14" fontId="42" fillId="0" borderId="0" xfId="0" applyNumberFormat="1" applyFont="1" applyAlignment="1">
      <alignment horizontal="center" vertical="center" wrapText="1"/>
    </xf>
    <xf numFmtId="0" fontId="14" fillId="0" borderId="17" xfId="2" applyFill="1" applyBorder="1" applyAlignment="1" applyProtection="1">
      <alignment horizontal="center" vertical="center" wrapText="1"/>
    </xf>
    <xf numFmtId="0" fontId="14" fillId="0" borderId="0" xfId="2" quotePrefix="1" applyFill="1" applyBorder="1" applyAlignment="1" applyProtection="1">
      <alignment horizontal="center" vertical="center" wrapText="1"/>
    </xf>
    <xf numFmtId="0" fontId="2" fillId="0" borderId="0" xfId="0" applyFont="1" applyAlignment="1">
      <alignment horizontal="right" vertical="center" wrapText="1"/>
    </xf>
    <xf numFmtId="9" fontId="2" fillId="0" borderId="0" xfId="1" applyFont="1" applyFill="1" applyBorder="1" applyAlignment="1" applyProtection="1">
      <alignment horizontal="center" vertical="center" wrapText="1"/>
    </xf>
    <xf numFmtId="9" fontId="24" fillId="0" borderId="0" xfId="1" applyFont="1" applyFill="1" applyBorder="1" applyAlignment="1" applyProtection="1">
      <alignment horizontal="center" vertical="center" wrapText="1"/>
    </xf>
    <xf numFmtId="0" fontId="23" fillId="5" borderId="0" xfId="0" applyFont="1" applyFill="1" applyAlignment="1">
      <alignment horizontal="center" vertical="center" wrapText="1"/>
    </xf>
    <xf numFmtId="0" fontId="19" fillId="5" borderId="0" xfId="0" quotePrefix="1" applyFont="1" applyFill="1" applyAlignment="1">
      <alignment horizontal="center" vertical="center" wrapText="1"/>
    </xf>
    <xf numFmtId="0" fontId="3" fillId="5" borderId="0" xfId="0" applyFont="1" applyFill="1" applyAlignment="1">
      <alignment horizontal="center" vertical="center" wrapText="1"/>
    </xf>
    <xf numFmtId="166" fontId="2" fillId="0" borderId="0" xfId="1" applyNumberFormat="1" applyFont="1" applyFill="1" applyBorder="1" applyAlignment="1" applyProtection="1">
      <alignment horizontal="center" vertical="center" wrapText="1"/>
    </xf>
    <xf numFmtId="166" fontId="0" fillId="0" borderId="0" xfId="1" applyNumberFormat="1" applyFont="1" applyFill="1" applyBorder="1" applyAlignment="1" applyProtection="1">
      <alignment horizontal="center" vertical="center" wrapText="1"/>
    </xf>
    <xf numFmtId="166" fontId="2" fillId="0" borderId="0" xfId="1" applyNumberFormat="1" applyFont="1" applyFill="1" applyBorder="1" applyAlignment="1">
      <alignment horizontal="center" vertical="center" wrapText="1"/>
    </xf>
    <xf numFmtId="167"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167" fontId="2" fillId="0" borderId="0" xfId="0" quotePrefix="1" applyNumberFormat="1" applyFont="1" applyAlignment="1">
      <alignment horizontal="center" vertical="center" wrapText="1"/>
    </xf>
    <xf numFmtId="167" fontId="26" fillId="0" borderId="0" xfId="0" applyNumberFormat="1" applyFont="1" applyAlignment="1">
      <alignment horizontal="center" vertical="center" wrapText="1"/>
    </xf>
    <xf numFmtId="168" fontId="2" fillId="0" borderId="0" xfId="0" applyNumberFormat="1" applyFont="1" applyAlignment="1">
      <alignment horizontal="center" vertical="center" wrapText="1"/>
    </xf>
    <xf numFmtId="0" fontId="20" fillId="6" borderId="0" xfId="0" applyFont="1" applyFill="1" applyAlignment="1">
      <alignment horizontal="center" vertical="center" wrapText="1"/>
    </xf>
    <xf numFmtId="166" fontId="2" fillId="0" borderId="0" xfId="0" quotePrefix="1" applyNumberFormat="1" applyFont="1" applyAlignment="1">
      <alignment horizontal="center" vertical="center" wrapText="1"/>
    </xf>
    <xf numFmtId="166" fontId="2" fillId="0" borderId="0" xfId="1" quotePrefix="1" applyNumberFormat="1" applyFont="1" applyFill="1" applyBorder="1" applyAlignment="1">
      <alignment horizontal="center" vertical="center" wrapText="1"/>
    </xf>
    <xf numFmtId="166" fontId="0" fillId="0" borderId="0" xfId="1" quotePrefix="1" applyNumberFormat="1" applyFont="1" applyFill="1" applyBorder="1" applyAlignment="1">
      <alignment horizontal="center" vertical="center" wrapText="1"/>
    </xf>
    <xf numFmtId="167" fontId="0" fillId="0" borderId="0" xfId="0" applyNumberFormat="1" applyAlignment="1">
      <alignment horizontal="center" vertical="center" wrapText="1"/>
    </xf>
    <xf numFmtId="167" fontId="24" fillId="0" borderId="0" xfId="0" quotePrefix="1" applyNumberFormat="1" applyFont="1" applyAlignment="1">
      <alignment horizontal="right" vertical="center" wrapText="1"/>
    </xf>
    <xf numFmtId="168" fontId="23" fillId="0" borderId="0" xfId="0" applyNumberFormat="1" applyFont="1" applyAlignment="1">
      <alignment horizontal="center" vertical="center" wrapText="1"/>
    </xf>
    <xf numFmtId="166" fontId="3" fillId="0" borderId="0" xfId="0" quotePrefix="1" applyNumberFormat="1" applyFont="1" applyAlignment="1">
      <alignment horizontal="center" vertical="center" wrapText="1"/>
    </xf>
    <xf numFmtId="166" fontId="3"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166" fontId="2" fillId="0" borderId="0" xfId="1" quotePrefix="1" applyNumberFormat="1" applyFont="1" applyFill="1" applyBorder="1" applyAlignment="1" applyProtection="1">
      <alignment horizontal="center" vertical="center" wrapText="1"/>
    </xf>
    <xf numFmtId="166" fontId="26" fillId="0" borderId="0" xfId="1" applyNumberFormat="1" applyFont="1" applyFill="1" applyBorder="1" applyAlignment="1" applyProtection="1">
      <alignment horizontal="center" vertical="center" wrapText="1"/>
    </xf>
    <xf numFmtId="0" fontId="19" fillId="5" borderId="0" xfId="0" applyFont="1" applyFill="1" applyAlignment="1">
      <alignment horizontal="center" vertical="center" wrapText="1"/>
    </xf>
    <xf numFmtId="0" fontId="0" fillId="0" borderId="0" xfId="0" quotePrefix="1" applyAlignment="1">
      <alignment horizontal="center"/>
    </xf>
    <xf numFmtId="0" fontId="2" fillId="0" borderId="0" xfId="0" applyFont="1" applyAlignment="1" applyProtection="1">
      <alignment horizontal="center" vertical="center" wrapText="1"/>
      <protection locked="0"/>
    </xf>
    <xf numFmtId="167" fontId="2" fillId="0" borderId="0" xfId="0" applyNumberFormat="1" applyFont="1" applyAlignment="1" applyProtection="1">
      <alignment horizontal="center" vertical="center" wrapText="1"/>
      <protection locked="0"/>
    </xf>
    <xf numFmtId="9" fontId="2" fillId="0" borderId="0" xfId="1" applyFont="1" applyAlignment="1">
      <alignment horizontal="center" vertical="center" wrapText="1"/>
    </xf>
    <xf numFmtId="0" fontId="2" fillId="0" borderId="0" xfId="0" quotePrefix="1" applyFont="1" applyAlignment="1" applyProtection="1">
      <alignment horizontal="center" vertical="center" wrapText="1"/>
      <protection locked="0"/>
    </xf>
    <xf numFmtId="0" fontId="24" fillId="0" borderId="0" xfId="0" applyFont="1" applyAlignment="1" applyProtection="1">
      <alignment horizontal="center" vertical="center" wrapText="1"/>
      <protection locked="0"/>
    </xf>
    <xf numFmtId="166" fontId="2" fillId="0" borderId="0" xfId="1" applyNumberFormat="1" applyFont="1" applyFill="1" applyBorder="1" applyAlignment="1" applyProtection="1">
      <alignment horizontal="center" vertical="center" wrapText="1"/>
      <protection locked="0"/>
    </xf>
    <xf numFmtId="166" fontId="2" fillId="0" borderId="0" xfId="1" applyNumberFormat="1" applyFont="1" applyFill="1" applyAlignment="1">
      <alignment horizontal="center" vertical="center" wrapText="1"/>
    </xf>
    <xf numFmtId="0" fontId="0" fillId="0" borderId="1" xfId="0" applyBorder="1"/>
    <xf numFmtId="0" fontId="0" fillId="0" borderId="2" xfId="0" applyBorder="1"/>
    <xf numFmtId="0" fontId="0" fillId="0" borderId="3" xfId="0" applyBorder="1"/>
    <xf numFmtId="0" fontId="0" fillId="0" borderId="6" xfId="0" applyBorder="1"/>
    <xf numFmtId="0" fontId="0" fillId="0" borderId="8" xfId="0" applyBorder="1"/>
    <xf numFmtId="0" fontId="8" fillId="0" borderId="0" xfId="0" applyFont="1"/>
    <xf numFmtId="0" fontId="17" fillId="0" borderId="0" xfId="0" applyFont="1" applyAlignment="1">
      <alignment horizontal="left" vertical="center" indent="1"/>
    </xf>
    <xf numFmtId="0" fontId="2" fillId="0" borderId="15" xfId="0" applyFont="1" applyBorder="1" applyAlignment="1" applyProtection="1">
      <alignment horizontal="center" vertical="center" wrapText="1"/>
      <protection locked="0"/>
    </xf>
    <xf numFmtId="0" fontId="25" fillId="0" borderId="0" xfId="2" applyFont="1" applyFill="1" applyBorder="1" applyAlignment="1">
      <alignment horizontal="center" vertical="center" wrapText="1"/>
    </xf>
    <xf numFmtId="0" fontId="28" fillId="0" borderId="0" xfId="0" applyFont="1" applyAlignment="1">
      <alignment horizontal="left" vertical="center"/>
    </xf>
    <xf numFmtId="0" fontId="28" fillId="0" borderId="0" xfId="0" applyFont="1" applyAlignment="1">
      <alignment horizontal="center" vertical="center" wrapText="1"/>
    </xf>
    <xf numFmtId="0" fontId="29" fillId="0" borderId="0" xfId="0" applyFont="1" applyAlignment="1">
      <alignment horizontal="center" vertical="center" wrapText="1"/>
    </xf>
    <xf numFmtId="0" fontId="14" fillId="0" borderId="0" xfId="2" applyFill="1" applyAlignment="1">
      <alignment horizontal="center"/>
    </xf>
    <xf numFmtId="0" fontId="0" fillId="0" borderId="0" xfId="0" applyAlignment="1" applyProtection="1">
      <alignment horizontal="center" vertical="center" wrapText="1"/>
      <protection locked="0"/>
    </xf>
    <xf numFmtId="0" fontId="2" fillId="0" borderId="0" xfId="0" applyFont="1" applyAlignment="1">
      <alignment horizontal="left" vertical="center" wrapText="1"/>
    </xf>
    <xf numFmtId="0" fontId="0" fillId="0" borderId="0" xfId="0" applyProtection="1">
      <protection locked="0"/>
    </xf>
    <xf numFmtId="0" fontId="20" fillId="0" borderId="0" xfId="0" quotePrefix="1" applyFont="1" applyAlignment="1" applyProtection="1">
      <alignment horizontal="center" vertical="center" wrapText="1"/>
      <protection locked="0"/>
    </xf>
    <xf numFmtId="0" fontId="23" fillId="0" borderId="0" xfId="0" quotePrefix="1" applyFont="1" applyAlignment="1" applyProtection="1">
      <alignment horizontal="center" vertical="center" wrapText="1"/>
      <protection locked="0"/>
    </xf>
    <xf numFmtId="0" fontId="49" fillId="0" borderId="0" xfId="0" applyFont="1" applyAlignment="1">
      <alignment horizontal="center" vertical="center" wrapText="1"/>
    </xf>
    <xf numFmtId="0" fontId="23" fillId="0" borderId="0" xfId="0" quotePrefix="1" applyFont="1" applyAlignment="1">
      <alignment horizontal="left" vertical="center" wrapText="1"/>
    </xf>
    <xf numFmtId="0" fontId="23" fillId="0" borderId="0" xfId="0" applyFont="1" applyAlignment="1">
      <alignment horizontal="left" vertical="center" wrapText="1"/>
    </xf>
    <xf numFmtId="0" fontId="0" fillId="0" borderId="0" xfId="0" applyAlignment="1">
      <alignment horizontal="left" wrapText="1"/>
    </xf>
    <xf numFmtId="0" fontId="44" fillId="0" borderId="0" xfId="0" applyFont="1" applyAlignment="1">
      <alignment horizontal="center" vertical="center"/>
    </xf>
    <xf numFmtId="0" fontId="0" fillId="0" borderId="0" xfId="0" applyAlignment="1">
      <alignment horizontal="left"/>
    </xf>
    <xf numFmtId="167" fontId="49" fillId="0" borderId="0" xfId="0" applyNumberFormat="1" applyFont="1" applyAlignment="1">
      <alignment horizontal="center" vertical="center" wrapText="1"/>
    </xf>
    <xf numFmtId="0" fontId="14" fillId="0" borderId="0" xfId="2" applyFill="1" applyAlignment="1">
      <alignment horizontal="center" vertical="center" wrapText="1"/>
    </xf>
    <xf numFmtId="0" fontId="14" fillId="0" borderId="17" xfId="2" quotePrefix="1" applyFill="1" applyBorder="1" applyAlignment="1" applyProtection="1">
      <alignment horizontal="center" vertical="center" wrapText="1"/>
    </xf>
    <xf numFmtId="0" fontId="14" fillId="0" borderId="18" xfId="2" quotePrefix="1" applyFill="1" applyBorder="1" applyAlignment="1" applyProtection="1">
      <alignment horizontal="center" vertical="center" wrapText="1"/>
    </xf>
    <xf numFmtId="0" fontId="14" fillId="0" borderId="0" xfId="2" applyFill="1" applyAlignment="1" applyProtection="1">
      <alignment horizontal="center" vertical="center" wrapText="1"/>
      <protection locked="0"/>
    </xf>
    <xf numFmtId="0" fontId="31" fillId="8" borderId="0" xfId="0" applyFont="1" applyFill="1" applyAlignment="1">
      <alignment horizontal="center" vertical="center" wrapText="1"/>
    </xf>
    <xf numFmtId="166" fontId="31" fillId="8" borderId="0" xfId="1" applyNumberFormat="1" applyFont="1" applyFill="1" applyBorder="1" applyAlignment="1" applyProtection="1">
      <alignment horizontal="center" vertical="center" wrapText="1"/>
    </xf>
    <xf numFmtId="0" fontId="51" fillId="0" borderId="0" xfId="0" applyFont="1" applyAlignment="1">
      <alignment horizontal="center" vertical="center" wrapText="1"/>
    </xf>
    <xf numFmtId="10" fontId="2" fillId="0" borderId="0" xfId="1" applyNumberFormat="1" applyFont="1" applyFill="1" applyBorder="1" applyAlignment="1" applyProtection="1">
      <alignment horizontal="center" vertical="center" wrapText="1"/>
    </xf>
    <xf numFmtId="10" fontId="2" fillId="0" borderId="0" xfId="0" applyNumberFormat="1" applyFont="1" applyAlignment="1">
      <alignment horizontal="center" vertical="center" wrapText="1"/>
    </xf>
    <xf numFmtId="0" fontId="52" fillId="0" borderId="0" xfId="0" applyFont="1"/>
    <xf numFmtId="0" fontId="52" fillId="9" borderId="0" xfId="0" applyFont="1" applyFill="1"/>
    <xf numFmtId="0" fontId="52" fillId="4" borderId="0" xfId="0" applyFont="1" applyFill="1"/>
    <xf numFmtId="0" fontId="53" fillId="4" borderId="0" xfId="0" applyFont="1" applyFill="1" applyAlignment="1">
      <alignment horizontal="right" vertical="center"/>
    </xf>
    <xf numFmtId="0" fontId="53" fillId="0" borderId="0" xfId="0" applyFont="1" applyAlignment="1">
      <alignment horizontal="center" vertical="center"/>
    </xf>
    <xf numFmtId="0" fontId="52" fillId="4" borderId="19" xfId="0" applyFont="1" applyFill="1" applyBorder="1"/>
    <xf numFmtId="0" fontId="53" fillId="4" borderId="19" xfId="0" applyFont="1" applyFill="1" applyBorder="1" applyAlignment="1">
      <alignment horizontal="right" vertical="center"/>
    </xf>
    <xf numFmtId="0" fontId="53" fillId="0" borderId="19" xfId="0" applyFont="1" applyBorder="1" applyAlignment="1">
      <alignment horizontal="center" vertical="center"/>
    </xf>
    <xf numFmtId="0" fontId="55" fillId="10" borderId="20" xfId="0" applyFont="1" applyFill="1" applyBorder="1" applyAlignment="1">
      <alignment vertical="center"/>
    </xf>
    <xf numFmtId="0" fontId="55" fillId="4" borderId="23" xfId="0" applyFont="1" applyFill="1" applyBorder="1" applyAlignment="1">
      <alignment vertical="center"/>
    </xf>
    <xf numFmtId="0" fontId="54" fillId="0" borderId="0" xfId="0" applyFont="1" applyAlignment="1">
      <alignment horizontal="center" vertical="center"/>
    </xf>
    <xf numFmtId="0" fontId="53" fillId="4" borderId="0" xfId="0" applyFont="1" applyFill="1" applyAlignment="1">
      <alignment vertical="center"/>
    </xf>
    <xf numFmtId="0" fontId="52" fillId="0" borderId="0" xfId="0" applyFont="1" applyAlignment="1">
      <alignment horizontal="center" vertical="center"/>
    </xf>
    <xf numFmtId="0" fontId="53" fillId="4" borderId="24" xfId="0" applyFont="1" applyFill="1" applyBorder="1" applyAlignment="1">
      <alignment vertical="center"/>
    </xf>
    <xf numFmtId="0" fontId="53" fillId="0" borderId="24" xfId="0" applyFont="1" applyBorder="1" applyAlignment="1">
      <alignment horizontal="center" vertical="center"/>
    </xf>
    <xf numFmtId="0" fontId="56" fillId="9" borderId="0" xfId="0" applyFont="1" applyFill="1" applyAlignment="1">
      <alignment vertical="center"/>
    </xf>
    <xf numFmtId="4" fontId="52" fillId="9" borderId="0" xfId="0" applyNumberFormat="1" applyFont="1" applyFill="1"/>
    <xf numFmtId="0" fontId="55" fillId="10" borderId="23" xfId="0" applyFont="1" applyFill="1" applyBorder="1" applyAlignment="1">
      <alignment horizontal="center" vertical="center"/>
    </xf>
    <xf numFmtId="0" fontId="55" fillId="10" borderId="25" xfId="0" applyFont="1" applyFill="1" applyBorder="1" applyAlignment="1">
      <alignment horizontal="center" vertical="center"/>
    </xf>
    <xf numFmtId="0" fontId="55" fillId="10" borderId="26" xfId="0" applyFont="1" applyFill="1" applyBorder="1" applyAlignment="1">
      <alignment horizontal="center" vertical="center"/>
    </xf>
    <xf numFmtId="0" fontId="54" fillId="0" borderId="0" xfId="0" applyFont="1" applyAlignment="1">
      <alignment vertical="center"/>
    </xf>
    <xf numFmtId="0" fontId="54" fillId="0" borderId="23" xfId="0" applyFont="1" applyBorder="1" applyAlignment="1">
      <alignment horizontal="right" vertical="center"/>
    </xf>
    <xf numFmtId="0" fontId="54" fillId="0" borderId="0" xfId="0" applyFont="1" applyAlignment="1">
      <alignment horizontal="right" vertical="center"/>
    </xf>
    <xf numFmtId="4" fontId="54" fillId="0" borderId="0" xfId="0" applyNumberFormat="1" applyFont="1" applyAlignment="1">
      <alignment vertical="center"/>
    </xf>
    <xf numFmtId="2" fontId="54" fillId="0" borderId="0" xfId="0" applyNumberFormat="1" applyFont="1" applyAlignment="1">
      <alignment horizontal="right" vertical="center"/>
    </xf>
    <xf numFmtId="4" fontId="54" fillId="0" borderId="0" xfId="0" applyNumberFormat="1" applyFont="1" applyAlignment="1">
      <alignment horizontal="right" vertical="center"/>
    </xf>
    <xf numFmtId="0" fontId="54" fillId="0" borderId="0" xfId="0" applyFont="1" applyAlignment="1">
      <alignment horizontal="left" vertical="center"/>
    </xf>
    <xf numFmtId="14" fontId="57" fillId="0" borderId="0" xfId="0" quotePrefix="1" applyNumberFormat="1" applyFont="1" applyAlignment="1">
      <alignment horizontal="center" vertical="center"/>
    </xf>
    <xf numFmtId="164" fontId="57" fillId="0" borderId="0" xfId="9" quotePrefix="1" applyFont="1" applyFill="1" applyBorder="1" applyAlignment="1">
      <alignment horizontal="center" vertical="center"/>
    </xf>
    <xf numFmtId="0" fontId="53" fillId="0" borderId="0" xfId="0" applyFont="1" applyAlignment="1">
      <alignment horizontal="left" vertical="center" indent="1"/>
    </xf>
    <xf numFmtId="14" fontId="53" fillId="0" borderId="0" xfId="0" quotePrefix="1" applyNumberFormat="1" applyFont="1" applyAlignment="1">
      <alignment horizontal="center" vertical="center"/>
    </xf>
    <xf numFmtId="2" fontId="53" fillId="0" borderId="0" xfId="0" applyNumberFormat="1" applyFont="1" applyAlignment="1">
      <alignment horizontal="right" vertical="center"/>
    </xf>
    <xf numFmtId="4" fontId="53" fillId="0" borderId="0" xfId="0" applyNumberFormat="1" applyFont="1" applyAlignment="1">
      <alignment vertical="center"/>
    </xf>
    <xf numFmtId="4" fontId="53" fillId="0" borderId="0" xfId="0" applyNumberFormat="1" applyFont="1" applyAlignment="1">
      <alignment horizontal="right" vertical="center"/>
    </xf>
    <xf numFmtId="0" fontId="55" fillId="10" borderId="21" xfId="0" applyFont="1" applyFill="1" applyBorder="1" applyAlignment="1">
      <alignment vertical="center"/>
    </xf>
    <xf numFmtId="4" fontId="54" fillId="0" borderId="23" xfId="0" applyNumberFormat="1" applyFont="1" applyBorder="1" applyAlignment="1">
      <alignment vertical="center"/>
    </xf>
    <xf numFmtId="9" fontId="52" fillId="0" borderId="0" xfId="1" applyFont="1" applyFill="1" applyBorder="1" applyAlignment="1"/>
    <xf numFmtId="10" fontId="53" fillId="0" borderId="0" xfId="10" applyNumberFormat="1" applyFont="1" applyFill="1" applyBorder="1" applyAlignment="1">
      <alignment horizontal="right" vertical="center"/>
    </xf>
    <xf numFmtId="0" fontId="54" fillId="0" borderId="24" xfId="0" applyFont="1" applyBorder="1" applyAlignment="1">
      <alignment horizontal="left" vertical="center"/>
    </xf>
    <xf numFmtId="10" fontId="54" fillId="0" borderId="24" xfId="10" applyNumberFormat="1" applyFont="1" applyFill="1" applyBorder="1" applyAlignment="1">
      <alignment horizontal="right" vertical="center"/>
    </xf>
    <xf numFmtId="0" fontId="54" fillId="9" borderId="24" xfId="0" applyFont="1" applyFill="1" applyBorder="1" applyAlignment="1">
      <alignment horizontal="left" vertical="center"/>
    </xf>
    <xf numFmtId="0" fontId="53" fillId="9" borderId="0" xfId="0" applyFont="1" applyFill="1"/>
    <xf numFmtId="0" fontId="56" fillId="0" borderId="27" xfId="0" applyFont="1" applyBorder="1" applyAlignment="1">
      <alignment vertical="center"/>
    </xf>
    <xf numFmtId="0" fontId="52" fillId="9" borderId="27" xfId="0" applyFont="1" applyFill="1" applyBorder="1"/>
    <xf numFmtId="0" fontId="55" fillId="10" borderId="19" xfId="0" applyFont="1" applyFill="1" applyBorder="1" applyAlignment="1">
      <alignment vertical="center"/>
    </xf>
    <xf numFmtId="0" fontId="53" fillId="0" borderId="0" xfId="0" applyFont="1" applyAlignment="1">
      <alignment vertical="center"/>
    </xf>
    <xf numFmtId="4" fontId="53" fillId="0" borderId="0" xfId="10" applyNumberFormat="1" applyFont="1" applyFill="1" applyBorder="1" applyAlignment="1">
      <alignment horizontal="right" vertical="center"/>
    </xf>
    <xf numFmtId="4" fontId="59" fillId="0" borderId="0" xfId="0" applyNumberFormat="1" applyFont="1" applyAlignment="1">
      <alignment horizontal="right" vertical="center"/>
    </xf>
    <xf numFmtId="4" fontId="52" fillId="0" borderId="0" xfId="0" applyNumberFormat="1" applyFont="1"/>
    <xf numFmtId="10" fontId="53" fillId="0" borderId="0" xfId="10" applyNumberFormat="1" applyFont="1" applyFill="1" applyAlignment="1">
      <alignment horizontal="right" vertical="center"/>
    </xf>
    <xf numFmtId="4" fontId="53" fillId="0" borderId="0" xfId="11" applyNumberFormat="1" applyFont="1" applyAlignment="1">
      <alignment horizontal="right" vertical="center"/>
    </xf>
    <xf numFmtId="0" fontId="53" fillId="0" borderId="24" xfId="0" applyFont="1" applyBorder="1" applyAlignment="1">
      <alignment horizontal="left" vertical="center"/>
    </xf>
    <xf numFmtId="3" fontId="60" fillId="0" borderId="24" xfId="0" applyNumberFormat="1" applyFont="1" applyBorder="1" applyAlignment="1">
      <alignment horizontal="right" vertical="center"/>
    </xf>
    <xf numFmtId="0" fontId="52" fillId="0" borderId="24" xfId="0" applyFont="1" applyBorder="1"/>
    <xf numFmtId="4" fontId="53" fillId="0" borderId="24" xfId="0" applyNumberFormat="1" applyFont="1" applyBorder="1" applyAlignment="1">
      <alignment horizontal="right" vertical="center"/>
    </xf>
    <xf numFmtId="0" fontId="54" fillId="11" borderId="0" xfId="0" applyFont="1" applyFill="1" applyAlignment="1">
      <alignment vertical="center"/>
    </xf>
    <xf numFmtId="2" fontId="53" fillId="0" borderId="0" xfId="11" applyNumberFormat="1" applyFont="1" applyAlignment="1">
      <alignment horizontal="right" vertical="center"/>
    </xf>
    <xf numFmtId="2" fontId="60" fillId="0" borderId="0" xfId="0" applyNumberFormat="1" applyFont="1" applyAlignment="1">
      <alignment horizontal="right" vertical="center"/>
    </xf>
    <xf numFmtId="4" fontId="61" fillId="0" borderId="24" xfId="0" applyNumberFormat="1" applyFont="1" applyBorder="1" applyAlignment="1">
      <alignment horizontal="right" vertical="center"/>
    </xf>
    <xf numFmtId="0" fontId="52" fillId="9" borderId="24" xfId="0" applyFont="1" applyFill="1" applyBorder="1"/>
    <xf numFmtId="0" fontId="54" fillId="0" borderId="24" xfId="0" applyFont="1" applyBorder="1" applyAlignment="1">
      <alignment horizontal="right" vertical="center"/>
    </xf>
    <xf numFmtId="0" fontId="54" fillId="9" borderId="23" xfId="0" applyFont="1" applyFill="1" applyBorder="1" applyAlignment="1">
      <alignment vertical="center"/>
    </xf>
    <xf numFmtId="0" fontId="52" fillId="9" borderId="23" xfId="0" applyFont="1" applyFill="1" applyBorder="1"/>
    <xf numFmtId="0" fontId="53" fillId="9" borderId="23" xfId="0" applyFont="1" applyFill="1" applyBorder="1" applyAlignment="1">
      <alignment horizontal="center" vertical="center"/>
    </xf>
    <xf numFmtId="3" fontId="53" fillId="0" borderId="0" xfId="0" applyNumberFormat="1" applyFont="1" applyAlignment="1">
      <alignment horizontal="right" vertical="center"/>
    </xf>
    <xf numFmtId="0" fontId="53" fillId="4" borderId="0" xfId="0" applyFont="1" applyFill="1"/>
    <xf numFmtId="0" fontId="53" fillId="4" borderId="24" xfId="0" applyFont="1" applyFill="1" applyBorder="1" applyAlignment="1">
      <alignment horizontal="center" vertical="center"/>
    </xf>
    <xf numFmtId="170" fontId="53" fillId="0" borderId="24" xfId="0" quotePrefix="1" applyNumberFormat="1" applyFont="1" applyBorder="1" applyAlignment="1">
      <alignment horizontal="right" vertical="center"/>
    </xf>
    <xf numFmtId="0" fontId="54" fillId="0" borderId="28" xfId="0" applyFont="1" applyBorder="1" applyAlignment="1">
      <alignment vertical="center"/>
    </xf>
    <xf numFmtId="0" fontId="54" fillId="11" borderId="28" xfId="0" applyFont="1" applyFill="1" applyBorder="1" applyAlignment="1">
      <alignment vertical="center"/>
    </xf>
    <xf numFmtId="0" fontId="54" fillId="11" borderId="27" xfId="0" applyFont="1" applyFill="1" applyBorder="1" applyAlignment="1">
      <alignment vertical="center"/>
    </xf>
    <xf numFmtId="0" fontId="54" fillId="11" borderId="28" xfId="0" applyFont="1" applyFill="1" applyBorder="1" applyAlignment="1">
      <alignment horizontal="center" vertical="center"/>
    </xf>
    <xf numFmtId="3" fontId="53" fillId="0" borderId="0" xfId="0" applyNumberFormat="1" applyFont="1" applyAlignment="1">
      <alignment vertical="center"/>
    </xf>
    <xf numFmtId="0" fontId="53" fillId="0" borderId="24" xfId="0" applyFont="1" applyBorder="1" applyAlignment="1">
      <alignment vertical="center"/>
    </xf>
    <xf numFmtId="0" fontId="53" fillId="9" borderId="24" xfId="0" applyFont="1" applyFill="1" applyBorder="1"/>
    <xf numFmtId="3" fontId="53" fillId="0" borderId="24" xfId="0" applyNumberFormat="1" applyFont="1" applyBorder="1" applyAlignment="1">
      <alignment vertical="center"/>
    </xf>
    <xf numFmtId="10" fontId="53" fillId="0" borderId="24" xfId="10" applyNumberFormat="1" applyFont="1" applyFill="1" applyBorder="1" applyAlignment="1">
      <alignment horizontal="right" vertical="center"/>
    </xf>
    <xf numFmtId="0" fontId="54" fillId="0" borderId="27" xfId="0" applyFont="1" applyBorder="1" applyAlignment="1">
      <alignment vertical="center"/>
    </xf>
    <xf numFmtId="0" fontId="54" fillId="0" borderId="28" xfId="0" applyFont="1" applyBorder="1" applyAlignment="1">
      <alignment horizontal="center" vertical="center"/>
    </xf>
    <xf numFmtId="0" fontId="54" fillId="4" borderId="0" xfId="0" applyFont="1" applyFill="1" applyAlignment="1">
      <alignment vertical="center"/>
    </xf>
    <xf numFmtId="0" fontId="54" fillId="4" borderId="0" xfId="0" applyFont="1" applyFill="1" applyAlignment="1">
      <alignment horizontal="center" vertical="center"/>
    </xf>
    <xf numFmtId="10" fontId="53" fillId="4" borderId="0" xfId="10" applyNumberFormat="1" applyFont="1" applyFill="1" applyBorder="1" applyAlignment="1">
      <alignment horizontal="right" vertical="center"/>
    </xf>
    <xf numFmtId="0" fontId="54" fillId="11" borderId="0" xfId="0" applyFont="1" applyFill="1" applyAlignment="1">
      <alignment horizontal="center" vertical="center"/>
    </xf>
    <xf numFmtId="10" fontId="52" fillId="0" borderId="0" xfId="0" applyNumberFormat="1" applyFont="1"/>
    <xf numFmtId="10" fontId="52" fillId="0" borderId="24" xfId="0" applyNumberFormat="1" applyFont="1" applyBorder="1"/>
    <xf numFmtId="0" fontId="54" fillId="9" borderId="0" xfId="0" applyFont="1" applyFill="1" applyAlignment="1">
      <alignment vertical="center"/>
    </xf>
    <xf numFmtId="0" fontId="54" fillId="0" borderId="27" xfId="0" applyFont="1" applyBorder="1" applyAlignment="1">
      <alignment horizontal="center" vertical="center"/>
    </xf>
    <xf numFmtId="10" fontId="52" fillId="4" borderId="0" xfId="0" applyNumberFormat="1" applyFont="1" applyFill="1"/>
    <xf numFmtId="10" fontId="53" fillId="4" borderId="24" xfId="0" applyNumberFormat="1" applyFont="1" applyFill="1" applyBorder="1" applyAlignment="1">
      <alignment vertical="center"/>
    </xf>
    <xf numFmtId="10" fontId="53" fillId="4" borderId="0" xfId="0" applyNumberFormat="1" applyFont="1" applyFill="1" applyAlignment="1">
      <alignment vertical="center"/>
    </xf>
    <xf numFmtId="10" fontId="54" fillId="0" borderId="0" xfId="10" applyNumberFormat="1" applyFont="1" applyFill="1" applyAlignment="1">
      <alignment vertical="center"/>
    </xf>
    <xf numFmtId="3" fontId="54" fillId="0" borderId="0" xfId="0" applyNumberFormat="1" applyFont="1" applyAlignment="1">
      <alignment vertical="center"/>
    </xf>
    <xf numFmtId="10" fontId="54" fillId="0" borderId="0" xfId="10" applyNumberFormat="1" applyFont="1" applyFill="1" applyAlignment="1">
      <alignment horizontal="right" vertical="center"/>
    </xf>
    <xf numFmtId="0" fontId="54" fillId="4" borderId="24" xfId="0" applyFont="1" applyFill="1" applyBorder="1" applyAlignment="1">
      <alignment vertical="center"/>
    </xf>
    <xf numFmtId="3" fontId="54" fillId="0" borderId="24" xfId="0" applyNumberFormat="1" applyFont="1" applyBorder="1" applyAlignment="1">
      <alignment vertical="center"/>
    </xf>
    <xf numFmtId="0" fontId="54" fillId="4" borderId="0" xfId="0" applyFont="1" applyFill="1" applyAlignment="1">
      <alignment horizontal="left" vertical="center"/>
    </xf>
    <xf numFmtId="0" fontId="53" fillId="0" borderId="0" xfId="0" applyFont="1" applyAlignment="1">
      <alignment horizontal="left" vertical="center"/>
    </xf>
    <xf numFmtId="0" fontId="53" fillId="0" borderId="0" xfId="10" applyNumberFormat="1" applyFont="1" applyFill="1" applyBorder="1" applyAlignment="1">
      <alignment horizontal="right" vertical="center"/>
    </xf>
    <xf numFmtId="0" fontId="53" fillId="0" borderId="24" xfId="10" applyNumberFormat="1" applyFont="1" applyFill="1" applyBorder="1" applyAlignment="1">
      <alignment horizontal="right" vertical="center"/>
    </xf>
    <xf numFmtId="0" fontId="54" fillId="0" borderId="28" xfId="0" applyFont="1" applyBorder="1" applyAlignment="1">
      <alignment horizontal="left" vertical="center"/>
    </xf>
    <xf numFmtId="0" fontId="61" fillId="0" borderId="28" xfId="0" applyFont="1" applyBorder="1" applyAlignment="1">
      <alignment horizontal="left" vertical="center"/>
    </xf>
    <xf numFmtId="0" fontId="61" fillId="0" borderId="28" xfId="0" applyFont="1" applyBorder="1" applyAlignment="1">
      <alignment horizontal="center" vertical="center"/>
    </xf>
    <xf numFmtId="0" fontId="61" fillId="0" borderId="28" xfId="0" applyFont="1" applyBorder="1" applyAlignment="1">
      <alignment vertical="center"/>
    </xf>
    <xf numFmtId="0" fontId="60" fillId="0" borderId="0" xfId="12" applyFont="1" applyAlignment="1"/>
    <xf numFmtId="0" fontId="60" fillId="0" borderId="0" xfId="11" applyFont="1" applyAlignment="1">
      <alignment horizontal="left" vertical="center"/>
    </xf>
    <xf numFmtId="0" fontId="60" fillId="0" borderId="0" xfId="11" applyFont="1" applyAlignment="1">
      <alignment horizontal="center" vertical="center"/>
    </xf>
    <xf numFmtId="1" fontId="53" fillId="0" borderId="0" xfId="10" applyNumberFormat="1" applyFont="1" applyFill="1" applyBorder="1" applyAlignment="1">
      <alignment horizontal="right" vertical="center"/>
    </xf>
    <xf numFmtId="3" fontId="53" fillId="0" borderId="0" xfId="10" applyNumberFormat="1" applyFont="1" applyFill="1" applyBorder="1" applyAlignment="1">
      <alignment horizontal="right" vertical="center"/>
    </xf>
    <xf numFmtId="49" fontId="53" fillId="4" borderId="0" xfId="10" quotePrefix="1" applyNumberFormat="1" applyFont="1" applyFill="1" applyBorder="1" applyAlignment="1">
      <alignment horizontal="right" vertical="center"/>
    </xf>
    <xf numFmtId="3" fontId="53" fillId="4" borderId="0" xfId="10" applyNumberFormat="1" applyFont="1" applyFill="1" applyBorder="1" applyAlignment="1">
      <alignment horizontal="right" vertical="center"/>
    </xf>
    <xf numFmtId="49" fontId="53" fillId="0" borderId="0" xfId="10" quotePrefix="1" applyNumberFormat="1" applyFont="1" applyFill="1" applyBorder="1" applyAlignment="1">
      <alignment horizontal="right" vertical="center"/>
    </xf>
    <xf numFmtId="0" fontId="60" fillId="0" borderId="0" xfId="0" applyFont="1" applyAlignment="1">
      <alignment vertical="center"/>
    </xf>
    <xf numFmtId="10" fontId="60" fillId="0" borderId="0" xfId="10" applyNumberFormat="1" applyFont="1" applyFill="1" applyBorder="1" applyAlignment="1">
      <alignment horizontal="right" vertical="center"/>
    </xf>
    <xf numFmtId="0" fontId="53" fillId="4" borderId="24" xfId="0" applyFont="1" applyFill="1" applyBorder="1" applyAlignment="1">
      <alignment horizontal="left" vertical="center"/>
    </xf>
    <xf numFmtId="10" fontId="53" fillId="4" borderId="24" xfId="10" applyNumberFormat="1" applyFont="1" applyFill="1" applyBorder="1" applyAlignment="1">
      <alignment horizontal="right" vertical="center"/>
    </xf>
    <xf numFmtId="0" fontId="61" fillId="11" borderId="0" xfId="0" applyFont="1" applyFill="1" applyAlignment="1">
      <alignment horizontal="center" vertical="center"/>
    </xf>
    <xf numFmtId="0" fontId="53" fillId="9" borderId="0" xfId="0" applyFont="1" applyFill="1" applyAlignment="1">
      <alignment vertical="center"/>
    </xf>
    <xf numFmtId="3" fontId="54" fillId="0" borderId="0" xfId="0" applyNumberFormat="1" applyFont="1" applyAlignment="1">
      <alignment horizontal="center" vertical="center"/>
    </xf>
    <xf numFmtId="3" fontId="54" fillId="0" borderId="0" xfId="0" quotePrefix="1" applyNumberFormat="1" applyFont="1" applyAlignment="1">
      <alignment horizontal="center" vertical="center"/>
    </xf>
    <xf numFmtId="3" fontId="53" fillId="0" borderId="27" xfId="0" applyNumberFormat="1" applyFont="1" applyBorder="1" applyAlignment="1">
      <alignment horizontal="center" vertical="center"/>
    </xf>
    <xf numFmtId="3" fontId="53" fillId="0" borderId="0" xfId="0" applyNumberFormat="1" applyFont="1" applyAlignment="1">
      <alignment horizontal="center" vertical="center"/>
    </xf>
    <xf numFmtId="3" fontId="53" fillId="0" borderId="24" xfId="0" applyNumberFormat="1" applyFont="1" applyBorder="1" applyAlignment="1">
      <alignment horizontal="center" vertical="center"/>
    </xf>
    <xf numFmtId="3" fontId="53" fillId="0" borderId="24" xfId="10" applyNumberFormat="1" applyFont="1" applyFill="1" applyBorder="1" applyAlignment="1">
      <alignment horizontal="center" vertical="center"/>
    </xf>
    <xf numFmtId="0" fontId="54" fillId="0" borderId="27" xfId="0" applyFont="1" applyBorder="1" applyAlignment="1">
      <alignment horizontal="left" vertical="center"/>
    </xf>
    <xf numFmtId="0" fontId="53" fillId="9" borderId="29" xfId="0" applyFont="1" applyFill="1" applyBorder="1"/>
    <xf numFmtId="3" fontId="54" fillId="0" borderId="27" xfId="0" applyNumberFormat="1" applyFont="1" applyBorder="1" applyAlignment="1">
      <alignment horizontal="center" vertical="center"/>
    </xf>
    <xf numFmtId="3" fontId="54" fillId="0" borderId="29" xfId="0" applyNumberFormat="1" applyFont="1" applyBorder="1" applyAlignment="1">
      <alignment horizontal="center" vertical="center"/>
    </xf>
    <xf numFmtId="3" fontId="61" fillId="0" borderId="27" xfId="0" applyNumberFormat="1" applyFont="1" applyBorder="1" applyAlignment="1">
      <alignment horizontal="right" vertical="center"/>
    </xf>
    <xf numFmtId="4" fontId="52" fillId="9" borderId="27" xfId="0" applyNumberFormat="1" applyFont="1" applyFill="1" applyBorder="1"/>
    <xf numFmtId="0" fontId="53" fillId="11" borderId="0" xfId="0" applyFont="1" applyFill="1" applyAlignment="1">
      <alignment horizontal="left" vertical="center"/>
    </xf>
    <xf numFmtId="0" fontId="61" fillId="11" borderId="0" xfId="0" applyFont="1" applyFill="1" applyAlignment="1">
      <alignment horizontal="left" vertical="center"/>
    </xf>
    <xf numFmtId="3" fontId="61" fillId="0" borderId="0" xfId="0" applyNumberFormat="1" applyFont="1" applyAlignment="1">
      <alignment horizontal="right" vertical="center"/>
    </xf>
    <xf numFmtId="0" fontId="55" fillId="10" borderId="23" xfId="0" applyFont="1" applyFill="1" applyBorder="1" applyAlignment="1">
      <alignment vertical="center"/>
    </xf>
    <xf numFmtId="4" fontId="54" fillId="0" borderId="24" xfId="0" applyNumberFormat="1" applyFont="1" applyBorder="1" applyAlignment="1">
      <alignment horizontal="right" vertical="center"/>
    </xf>
    <xf numFmtId="0" fontId="56" fillId="0" borderId="0" xfId="0" applyFont="1" applyAlignment="1">
      <alignment vertical="center"/>
    </xf>
    <xf numFmtId="0" fontId="55" fillId="10" borderId="0" xfId="0" applyFont="1" applyFill="1" applyAlignment="1">
      <alignment vertical="center"/>
    </xf>
    <xf numFmtId="0" fontId="53" fillId="0" borderId="0" xfId="0" applyFont="1" applyAlignment="1">
      <alignment horizontal="right"/>
    </xf>
    <xf numFmtId="0" fontId="53" fillId="0" borderId="0" xfId="0" applyFont="1" applyAlignment="1">
      <alignment vertical="center" wrapText="1"/>
    </xf>
    <xf numFmtId="0" fontId="55" fillId="10" borderId="30" xfId="0" applyFont="1" applyFill="1" applyBorder="1" applyAlignment="1">
      <alignment vertical="center"/>
    </xf>
    <xf numFmtId="0" fontId="55" fillId="10" borderId="31" xfId="0" applyFont="1" applyFill="1" applyBorder="1" applyAlignment="1">
      <alignment vertical="center"/>
    </xf>
    <xf numFmtId="169" fontId="54" fillId="0" borderId="0" xfId="0" quotePrefix="1" applyNumberFormat="1" applyFont="1" applyAlignment="1">
      <alignment horizontal="center" vertical="center"/>
    </xf>
    <xf numFmtId="2" fontId="66" fillId="0" borderId="0" xfId="0" applyNumberFormat="1" applyFont="1" applyAlignment="1">
      <alignment horizontal="right" vertical="center"/>
    </xf>
    <xf numFmtId="2" fontId="67" fillId="0" borderId="0" xfId="0" applyNumberFormat="1" applyFont="1" applyAlignment="1">
      <alignment horizontal="right" vertical="center"/>
    </xf>
    <xf numFmtId="4" fontId="67" fillId="0" borderId="0" xfId="0" applyNumberFormat="1" applyFont="1" applyAlignment="1">
      <alignment horizontal="right" vertical="center"/>
    </xf>
    <xf numFmtId="10" fontId="67" fillId="0" borderId="0" xfId="10" applyNumberFormat="1" applyFont="1" applyFill="1" applyBorder="1" applyAlignment="1">
      <alignment horizontal="right" vertical="center"/>
    </xf>
    <xf numFmtId="10" fontId="67" fillId="0" borderId="0" xfId="0" applyNumberFormat="1" applyFont="1" applyAlignment="1">
      <alignment horizontal="right" vertical="center"/>
    </xf>
    <xf numFmtId="0" fontId="44" fillId="0" borderId="0" xfId="0" applyFont="1" applyAlignment="1">
      <alignment horizontal="center" vertical="center"/>
    </xf>
    <xf numFmtId="0" fontId="6" fillId="3" borderId="0" xfId="0" applyFont="1" applyFill="1" applyAlignment="1">
      <alignment horizontal="center"/>
    </xf>
    <xf numFmtId="0" fontId="0" fillId="0" borderId="0" xfId="0"/>
    <xf numFmtId="0" fontId="6" fillId="2" borderId="0" xfId="2" applyFont="1" applyFill="1" applyBorder="1" applyAlignment="1">
      <alignment horizontal="center"/>
    </xf>
    <xf numFmtId="0" fontId="6" fillId="0" borderId="0" xfId="2" applyFont="1" applyAlignment="1"/>
    <xf numFmtId="0" fontId="0" fillId="0" borderId="0" xfId="0" applyAlignment="1">
      <alignment horizontal="left" wrapText="1"/>
    </xf>
    <xf numFmtId="0" fontId="17" fillId="0" borderId="0" xfId="0" applyFont="1" applyAlignment="1">
      <alignment horizontal="left" vertical="center" wrapText="1" indent="1"/>
    </xf>
    <xf numFmtId="0" fontId="47" fillId="0" borderId="0" xfId="0" applyFont="1" applyAlignment="1">
      <alignment horizontal="left" wrapText="1"/>
    </xf>
    <xf numFmtId="0" fontId="9" fillId="0" borderId="0" xfId="0" applyFont="1" applyAlignment="1">
      <alignment horizontal="left"/>
    </xf>
    <xf numFmtId="0" fontId="15" fillId="0" borderId="0" xfId="0" applyFont="1" applyAlignment="1">
      <alignment horizontal="left"/>
    </xf>
    <xf numFmtId="0" fontId="20" fillId="6" borderId="10" xfId="0" quotePrefix="1" applyFont="1" applyFill="1" applyBorder="1" applyAlignment="1">
      <alignment horizontal="left" vertical="center"/>
    </xf>
    <xf numFmtId="0" fontId="20" fillId="6" borderId="12" xfId="0" quotePrefix="1" applyFont="1" applyFill="1" applyBorder="1" applyAlignment="1">
      <alignment horizontal="left" vertical="center"/>
    </xf>
    <xf numFmtId="0" fontId="20" fillId="6" borderId="11" xfId="0" quotePrefix="1" applyFont="1" applyFill="1" applyBorder="1" applyAlignment="1">
      <alignment horizontal="left" vertical="center"/>
    </xf>
    <xf numFmtId="0" fontId="53" fillId="0" borderId="0" xfId="0" applyFont="1" applyAlignment="1">
      <alignment horizontal="left" vertical="center" wrapText="1"/>
    </xf>
    <xf numFmtId="0" fontId="14" fillId="0" borderId="0" xfId="2" applyFill="1" applyAlignment="1" applyProtection="1">
      <alignment horizontal="right" wrapText="1"/>
    </xf>
    <xf numFmtId="0" fontId="53" fillId="0" borderId="0" xfId="13" applyFont="1" applyFill="1" applyAlignment="1" applyProtection="1">
      <alignment horizontal="right" wrapText="1"/>
    </xf>
    <xf numFmtId="4" fontId="53" fillId="0" borderId="0" xfId="0" applyNumberFormat="1" applyFont="1" applyAlignment="1">
      <alignment horizontal="right" vertical="center"/>
    </xf>
    <xf numFmtId="0" fontId="54" fillId="0" borderId="27" xfId="0" applyFont="1" applyBorder="1" applyAlignment="1">
      <alignment horizontal="right" vertical="center"/>
    </xf>
    <xf numFmtId="0" fontId="54" fillId="0" borderId="28" xfId="0" applyFont="1" applyBorder="1" applyAlignment="1">
      <alignment horizontal="right" vertical="center" wrapText="1"/>
    </xf>
    <xf numFmtId="0" fontId="54" fillId="0" borderId="0" xfId="0" applyFont="1" applyAlignment="1">
      <alignment horizontal="right" vertical="center" wrapText="1"/>
    </xf>
    <xf numFmtId="0" fontId="53" fillId="0" borderId="0" xfId="0" applyFont="1" applyAlignment="1">
      <alignment horizontal="left" vertical="center"/>
    </xf>
    <xf numFmtId="0" fontId="53" fillId="11" borderId="27" xfId="0" applyFont="1" applyFill="1" applyBorder="1" applyAlignment="1">
      <alignment horizontal="left" vertical="center"/>
    </xf>
    <xf numFmtId="0" fontId="61" fillId="11" borderId="27" xfId="0" applyFont="1" applyFill="1" applyBorder="1" applyAlignment="1">
      <alignment horizontal="left" vertical="center"/>
    </xf>
    <xf numFmtId="0" fontId="60" fillId="0" borderId="0" xfId="0" applyFont="1" applyAlignment="1">
      <alignment horizontal="center" vertical="center"/>
    </xf>
    <xf numFmtId="0" fontId="55" fillId="10" borderId="21" xfId="0" applyFont="1" applyFill="1" applyBorder="1" applyAlignment="1">
      <alignment horizontal="center" vertical="center"/>
    </xf>
    <xf numFmtId="0" fontId="55" fillId="10" borderId="22" xfId="0" applyFont="1" applyFill="1" applyBorder="1" applyAlignment="1">
      <alignment horizontal="center" vertical="center"/>
    </xf>
    <xf numFmtId="0" fontId="55" fillId="10" borderId="25" xfId="0" applyFont="1" applyFill="1" applyBorder="1" applyAlignment="1">
      <alignment horizontal="right" vertical="center"/>
    </xf>
    <xf numFmtId="0" fontId="55" fillId="10" borderId="23" xfId="0" applyFont="1" applyFill="1" applyBorder="1" applyAlignment="1">
      <alignment horizontal="right" vertical="center"/>
    </xf>
    <xf numFmtId="0" fontId="56" fillId="0" borderId="28" xfId="0" applyFont="1" applyBorder="1" applyAlignment="1">
      <alignment horizontal="left" vertical="center"/>
    </xf>
    <xf numFmtId="0" fontId="53" fillId="4" borderId="0" xfId="0" applyFont="1" applyFill="1" applyAlignment="1">
      <alignment horizontal="left" vertical="center" wrapText="1"/>
    </xf>
    <xf numFmtId="0" fontId="54" fillId="4" borderId="0" xfId="0" applyFont="1" applyFill="1" applyAlignment="1">
      <alignment horizontal="left" vertical="center"/>
    </xf>
    <xf numFmtId="0" fontId="54" fillId="0" borderId="0" xfId="0" applyFont="1" applyAlignment="1">
      <alignment horizontal="left" vertical="center"/>
    </xf>
    <xf numFmtId="0" fontId="53" fillId="11" borderId="0" xfId="14" applyFont="1" applyFill="1" applyAlignment="1">
      <alignment horizontal="left" vertical="center" wrapText="1"/>
    </xf>
    <xf numFmtId="0" fontId="64" fillId="0" borderId="0" xfId="13" applyFont="1" applyFill="1" applyAlignment="1" applyProtection="1">
      <alignment horizontal="right" wrapText="1"/>
    </xf>
    <xf numFmtId="0" fontId="54" fillId="11" borderId="0" xfId="0" applyFont="1" applyFill="1" applyAlignment="1">
      <alignment vertical="center"/>
    </xf>
    <xf numFmtId="3" fontId="54" fillId="0" borderId="0" xfId="0" applyNumberFormat="1" applyFont="1" applyAlignment="1">
      <alignment horizontal="right" vertical="center"/>
    </xf>
    <xf numFmtId="0" fontId="54" fillId="0" borderId="0" xfId="0" applyFont="1" applyAlignment="1">
      <alignment horizontal="right" vertical="center"/>
    </xf>
    <xf numFmtId="3" fontId="53" fillId="0" borderId="0" xfId="0" applyNumberFormat="1" applyFont="1" applyAlignment="1">
      <alignment horizontal="right" vertical="center"/>
    </xf>
    <xf numFmtId="0" fontId="53" fillId="0" borderId="0" xfId="0" applyFont="1" applyAlignment="1">
      <alignment horizontal="right" vertical="center"/>
    </xf>
    <xf numFmtId="0" fontId="53" fillId="0" borderId="0" xfId="0" applyFont="1" applyAlignment="1">
      <alignment vertical="center"/>
    </xf>
    <xf numFmtId="0" fontId="54" fillId="0" borderId="24" xfId="0" applyFont="1" applyBorder="1" applyAlignment="1">
      <alignment vertical="center"/>
    </xf>
    <xf numFmtId="3" fontId="60" fillId="0" borderId="0" xfId="0" applyNumberFormat="1" applyFont="1" applyAlignment="1">
      <alignment horizontal="right" vertical="center"/>
    </xf>
    <xf numFmtId="0" fontId="60" fillId="0" borderId="0" xfId="0" applyFont="1" applyAlignment="1">
      <alignment horizontal="right" vertical="center"/>
    </xf>
    <xf numFmtId="0" fontId="55" fillId="10" borderId="22" xfId="0" applyFont="1" applyFill="1" applyBorder="1" applyAlignment="1">
      <alignment horizontal="right" vertical="center"/>
    </xf>
    <xf numFmtId="0" fontId="55" fillId="10" borderId="21" xfId="0" applyFont="1" applyFill="1" applyBorder="1" applyAlignment="1">
      <alignment horizontal="right" vertical="center"/>
    </xf>
    <xf numFmtId="4" fontId="54" fillId="0" borderId="0" xfId="0" applyNumberFormat="1" applyFont="1" applyAlignment="1">
      <alignment horizontal="right" vertical="center"/>
    </xf>
    <xf numFmtId="0" fontId="53" fillId="0" borderId="24" xfId="0" applyFont="1" applyBorder="1" applyAlignment="1">
      <alignment horizontal="left" vertical="center"/>
    </xf>
    <xf numFmtId="0" fontId="55" fillId="10" borderId="20" xfId="0" applyFont="1" applyFill="1" applyBorder="1" applyAlignment="1">
      <alignment horizontal="right" vertical="center"/>
    </xf>
    <xf numFmtId="0" fontId="43" fillId="0" borderId="0" xfId="0" applyFont="1" applyAlignment="1">
      <alignment horizontal="left" vertical="center" wrapText="1"/>
    </xf>
  </cellXfs>
  <cellStyles count="15">
    <cellStyle name="Comma" xfId="9" builtinId="3"/>
    <cellStyle name="Comma 2" xfId="3" xr:uid="{00000000-0005-0000-0000-000000000000}"/>
    <cellStyle name="Hyperlink" xfId="2" builtinId="8"/>
    <cellStyle name="Hyperlink 2" xfId="13" xr:uid="{91B73B17-1172-439E-B6A0-88ADFA370E54}"/>
    <cellStyle name="Normal" xfId="0" builtinId="0"/>
    <cellStyle name="Normal 17" xfId="12" xr:uid="{B5A7A040-FB98-4D57-9E61-1B2BADC08E34}"/>
    <cellStyle name="Normal 2" xfId="4" xr:uid="{00000000-0005-0000-0000-000003000000}"/>
    <cellStyle name="Normal 3" xfId="5" xr:uid="{00000000-0005-0000-0000-000004000000}"/>
    <cellStyle name="Normal 4" xfId="6" xr:uid="{00000000-0005-0000-0000-000005000000}"/>
    <cellStyle name="Normal 7" xfId="7" xr:uid="{00000000-0005-0000-0000-000006000000}"/>
    <cellStyle name="Normal_Investor Report - Notes" xfId="14" xr:uid="{B1B6FD18-F4C3-4D00-8ED6-3D760E62308A}"/>
    <cellStyle name="Normal_Investor_Report_OH_base_campos_alt" xfId="11" xr:uid="{2A1CCB28-87B9-46F5-8FD7-BC0022E4C118}"/>
    <cellStyle name="Percent" xfId="1" builtinId="5"/>
    <cellStyle name="Percent 2" xfId="10" xr:uid="{2B2BA3CF-3CD3-44C8-B0EB-42FB72132BAA}"/>
    <cellStyle name="Standard 3" xfId="8" xr:uid="{00000000-0005-0000-0000-000008000000}"/>
  </cellStyles>
  <dxfs count="0"/>
  <tableStyles count="0" defaultTableStyle="TableStyleMedium2" defaultPivotStyle="PivotStyleLight16"/>
  <colors>
    <mruColors>
      <color rgb="FF24338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17" Type="http://schemas.openxmlformats.org/officeDocument/2006/relationships/customXml" Target="../customXml/item4.xml"/><Relationship Id="rId2" Type="http://schemas.openxmlformats.org/officeDocument/2006/relationships/worksheet" Target="worksheets/sheet2.xml"/><Relationship Id="rId16"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customXml" Target="../customXml/item2.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ustomXml" Target="../customXml/item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9.1958249917465762E-2"/>
          <c:y val="2.0327620326571188E-2"/>
          <c:w val="0.8888047441430823"/>
          <c:h val="0.93321676280526034"/>
        </c:manualLayout>
      </c:layout>
      <c:barChart>
        <c:barDir val="col"/>
        <c:grouping val="clustered"/>
        <c:varyColors val="0"/>
        <c:ser>
          <c:idx val="0"/>
          <c:order val="0"/>
          <c:tx>
            <c:v> 14.769.100.162,63   </c:v>
          </c:tx>
          <c:spPr>
            <a:solidFill>
              <a:srgbClr val="FF0000"/>
            </a:solidFill>
            <a:ln w="25400" cap="flat" cmpd="sng" algn="ctr">
              <a:solidFill>
                <a:srgbClr val="FF0000"/>
              </a:solidFill>
              <a:prstDash val="solid"/>
            </a:ln>
            <a:effectLst/>
          </c:spPr>
          <c:invertIfNegative val="0"/>
          <c:cat>
            <c:numLit>
              <c:formatCode>General</c:formatCode>
              <c:ptCount val="49"/>
              <c:pt idx="0">
                <c:v>2026</c:v>
              </c:pt>
              <c:pt idx="1">
                <c:v>2027</c:v>
              </c:pt>
              <c:pt idx="2">
                <c:v>2028</c:v>
              </c:pt>
              <c:pt idx="3">
                <c:v>2029</c:v>
              </c:pt>
              <c:pt idx="4">
                <c:v>2030</c:v>
              </c:pt>
              <c:pt idx="5">
                <c:v>2031</c:v>
              </c:pt>
              <c:pt idx="6">
                <c:v>2032</c:v>
              </c:pt>
              <c:pt idx="7">
                <c:v>2033</c:v>
              </c:pt>
              <c:pt idx="8">
                <c:v>2034</c:v>
              </c:pt>
              <c:pt idx="9">
                <c:v>2035</c:v>
              </c:pt>
              <c:pt idx="10">
                <c:v>2036</c:v>
              </c:pt>
              <c:pt idx="11">
                <c:v>2037</c:v>
              </c:pt>
              <c:pt idx="12">
                <c:v>2038</c:v>
              </c:pt>
              <c:pt idx="13">
                <c:v>2039</c:v>
              </c:pt>
              <c:pt idx="14">
                <c:v>2040</c:v>
              </c:pt>
              <c:pt idx="15">
                <c:v>2041</c:v>
              </c:pt>
              <c:pt idx="16">
                <c:v>2042</c:v>
              </c:pt>
              <c:pt idx="17">
                <c:v>2043</c:v>
              </c:pt>
              <c:pt idx="18">
                <c:v>2044</c:v>
              </c:pt>
              <c:pt idx="19">
                <c:v>2045</c:v>
              </c:pt>
              <c:pt idx="20">
                <c:v>2046</c:v>
              </c:pt>
              <c:pt idx="21">
                <c:v>2047</c:v>
              </c:pt>
              <c:pt idx="22">
                <c:v>2048</c:v>
              </c:pt>
              <c:pt idx="23">
                <c:v>2049</c:v>
              </c:pt>
              <c:pt idx="24">
                <c:v>2050</c:v>
              </c:pt>
              <c:pt idx="25">
                <c:v>2051</c:v>
              </c:pt>
              <c:pt idx="26">
                <c:v>2052</c:v>
              </c:pt>
              <c:pt idx="27">
                <c:v>2053</c:v>
              </c:pt>
              <c:pt idx="28">
                <c:v>2054</c:v>
              </c:pt>
              <c:pt idx="29">
                <c:v>2055</c:v>
              </c:pt>
              <c:pt idx="30">
                <c:v>2056</c:v>
              </c:pt>
              <c:pt idx="31">
                <c:v>2057</c:v>
              </c:pt>
              <c:pt idx="32">
                <c:v>2058</c:v>
              </c:pt>
              <c:pt idx="33">
                <c:v>2059</c:v>
              </c:pt>
              <c:pt idx="34">
                <c:v>2060</c:v>
              </c:pt>
              <c:pt idx="35">
                <c:v>2061</c:v>
              </c:pt>
              <c:pt idx="36">
                <c:v>2062</c:v>
              </c:pt>
              <c:pt idx="37">
                <c:v>2063</c:v>
              </c:pt>
              <c:pt idx="38">
                <c:v>2064</c:v>
              </c:pt>
              <c:pt idx="39">
                <c:v>2065</c:v>
              </c:pt>
              <c:pt idx="40">
                <c:v>2066</c:v>
              </c:pt>
              <c:pt idx="41">
                <c:v>2067</c:v>
              </c:pt>
              <c:pt idx="42">
                <c:v>2068</c:v>
              </c:pt>
              <c:pt idx="43">
                <c:v>2069</c:v>
              </c:pt>
              <c:pt idx="44">
                <c:v>2070</c:v>
              </c:pt>
              <c:pt idx="45">
                <c:v>2071</c:v>
              </c:pt>
              <c:pt idx="46">
                <c:v>2073</c:v>
              </c:pt>
            </c:numLit>
          </c:cat>
          <c:val>
            <c:numLit>
              <c:formatCode>_-* #,##0.00\ _€_-;\-* #,##0.00\ _€_-;_-* "-"??\ _€_-;_-@_-</c:formatCode>
              <c:ptCount val="49"/>
              <c:pt idx="0">
                <c:v>14767648323.320005</c:v>
              </c:pt>
              <c:pt idx="1">
                <c:v>14760198431.310005</c:v>
              </c:pt>
              <c:pt idx="2">
                <c:v>14746274174.810005</c:v>
              </c:pt>
              <c:pt idx="3">
                <c:v>14716251436.610004</c:v>
              </c:pt>
              <c:pt idx="4">
                <c:v>14668223729.880005</c:v>
              </c:pt>
              <c:pt idx="5">
                <c:v>14599158156.030005</c:v>
              </c:pt>
              <c:pt idx="6">
                <c:v>14498631212.690004</c:v>
              </c:pt>
              <c:pt idx="7">
                <c:v>14409489596.300005</c:v>
              </c:pt>
              <c:pt idx="8">
                <c:v>14318905353.560005</c:v>
              </c:pt>
              <c:pt idx="9">
                <c:v>14231773453.020006</c:v>
              </c:pt>
              <c:pt idx="10">
                <c:v>14134431623.860006</c:v>
              </c:pt>
              <c:pt idx="11">
                <c:v>14012915531.030006</c:v>
              </c:pt>
              <c:pt idx="12">
                <c:v>13879067542.090006</c:v>
              </c:pt>
              <c:pt idx="13">
                <c:v>13717019600.650005</c:v>
              </c:pt>
              <c:pt idx="14">
                <c:v>13519834298.700005</c:v>
              </c:pt>
              <c:pt idx="15">
                <c:v>13318475402.640005</c:v>
              </c:pt>
              <c:pt idx="16">
                <c:v>13097528770.250006</c:v>
              </c:pt>
              <c:pt idx="17">
                <c:v>12839994504.430006</c:v>
              </c:pt>
              <c:pt idx="18">
                <c:v>12492836715.590006</c:v>
              </c:pt>
              <c:pt idx="19">
                <c:v>12098561484.570005</c:v>
              </c:pt>
              <c:pt idx="20">
                <c:v>11653218743.080006</c:v>
              </c:pt>
              <c:pt idx="21">
                <c:v>11189971011.740005</c:v>
              </c:pt>
              <c:pt idx="22">
                <c:v>10716660583.500006</c:v>
              </c:pt>
              <c:pt idx="23">
                <c:v>10199381374.590006</c:v>
              </c:pt>
              <c:pt idx="24">
                <c:v>9632537271.3200073</c:v>
              </c:pt>
              <c:pt idx="25">
                <c:v>9046024688.4900074</c:v>
              </c:pt>
              <c:pt idx="26">
                <c:v>8433610908.8700066</c:v>
              </c:pt>
              <c:pt idx="27">
                <c:v>7676339297.5300064</c:v>
              </c:pt>
              <c:pt idx="28">
                <c:v>7053400154.3600073</c:v>
              </c:pt>
              <c:pt idx="29">
                <c:v>6451978290.4900074</c:v>
              </c:pt>
              <c:pt idx="30">
                <c:v>5882584408.5500078</c:v>
              </c:pt>
              <c:pt idx="31">
                <c:v>5201713916.5900078</c:v>
              </c:pt>
              <c:pt idx="32">
                <c:v>4523401157.4000072</c:v>
              </c:pt>
              <c:pt idx="33">
                <c:v>3458433770.5500059</c:v>
              </c:pt>
              <c:pt idx="34">
                <c:v>2416128024.470005</c:v>
              </c:pt>
              <c:pt idx="35">
                <c:v>1469811596.4300017</c:v>
              </c:pt>
              <c:pt idx="36">
                <c:v>793453294.58000326</c:v>
              </c:pt>
              <c:pt idx="37">
                <c:v>586543056.51000333</c:v>
              </c:pt>
              <c:pt idx="38">
                <c:v>316081754.56000352</c:v>
              </c:pt>
              <c:pt idx="39">
                <c:v>78586481.710003227</c:v>
              </c:pt>
              <c:pt idx="40">
                <c:v>23723497.350003228</c:v>
              </c:pt>
              <c:pt idx="41">
                <c:v>10283332.450003222</c:v>
              </c:pt>
              <c:pt idx="42">
                <c:v>2349599.2900032206</c:v>
              </c:pt>
              <c:pt idx="43">
                <c:v>1102570.2200032207</c:v>
              </c:pt>
              <c:pt idx="44">
                <c:v>623739.46000322071</c:v>
              </c:pt>
              <c:pt idx="45">
                <c:v>147652.02000322071</c:v>
              </c:pt>
              <c:pt idx="46">
                <c:v>3.2207171898335218E-6</c:v>
              </c:pt>
            </c:numLit>
          </c:val>
          <c:extLst>
            <c:ext xmlns:c16="http://schemas.microsoft.com/office/drawing/2014/chart" uri="{C3380CC4-5D6E-409C-BE32-E72D297353CC}">
              <c16:uniqueId val="{00000000-BAFD-4D21-9A2C-8D18DE1D9137}"/>
            </c:ext>
          </c:extLst>
        </c:ser>
        <c:ser>
          <c:idx val="1"/>
          <c:order val="1"/>
          <c:tx>
            <c:v>SumOfMont Cred Ced act</c:v>
          </c:tx>
          <c:spPr>
            <a:noFill/>
          </c:spPr>
          <c:invertIfNegative val="0"/>
          <c:cat>
            <c:numLit>
              <c:formatCode>General</c:formatCode>
              <c:ptCount val="49"/>
              <c:pt idx="0">
                <c:v>2026</c:v>
              </c:pt>
              <c:pt idx="1">
                <c:v>2027</c:v>
              </c:pt>
              <c:pt idx="2">
                <c:v>2028</c:v>
              </c:pt>
              <c:pt idx="3">
                <c:v>2029</c:v>
              </c:pt>
              <c:pt idx="4">
                <c:v>2030</c:v>
              </c:pt>
              <c:pt idx="5">
                <c:v>2031</c:v>
              </c:pt>
              <c:pt idx="6">
                <c:v>2032</c:v>
              </c:pt>
              <c:pt idx="7">
                <c:v>2033</c:v>
              </c:pt>
              <c:pt idx="8">
                <c:v>2034</c:v>
              </c:pt>
              <c:pt idx="9">
                <c:v>2035</c:v>
              </c:pt>
              <c:pt idx="10">
                <c:v>2036</c:v>
              </c:pt>
              <c:pt idx="11">
                <c:v>2037</c:v>
              </c:pt>
              <c:pt idx="12">
                <c:v>2038</c:v>
              </c:pt>
              <c:pt idx="13">
                <c:v>2039</c:v>
              </c:pt>
              <c:pt idx="14">
                <c:v>2040</c:v>
              </c:pt>
              <c:pt idx="15">
                <c:v>2041</c:v>
              </c:pt>
              <c:pt idx="16">
                <c:v>2042</c:v>
              </c:pt>
              <c:pt idx="17">
                <c:v>2043</c:v>
              </c:pt>
              <c:pt idx="18">
                <c:v>2044</c:v>
              </c:pt>
              <c:pt idx="19">
                <c:v>2045</c:v>
              </c:pt>
              <c:pt idx="20">
                <c:v>2046</c:v>
              </c:pt>
              <c:pt idx="21">
                <c:v>2047</c:v>
              </c:pt>
              <c:pt idx="22">
                <c:v>2048</c:v>
              </c:pt>
              <c:pt idx="23">
                <c:v>2049</c:v>
              </c:pt>
              <c:pt idx="24">
                <c:v>2050</c:v>
              </c:pt>
              <c:pt idx="25">
                <c:v>2051</c:v>
              </c:pt>
              <c:pt idx="26">
                <c:v>2052</c:v>
              </c:pt>
              <c:pt idx="27">
                <c:v>2053</c:v>
              </c:pt>
              <c:pt idx="28">
                <c:v>2054</c:v>
              </c:pt>
              <c:pt idx="29">
                <c:v>2055</c:v>
              </c:pt>
              <c:pt idx="30">
                <c:v>2056</c:v>
              </c:pt>
              <c:pt idx="31">
                <c:v>2057</c:v>
              </c:pt>
              <c:pt idx="32">
                <c:v>2058</c:v>
              </c:pt>
              <c:pt idx="33">
                <c:v>2059</c:v>
              </c:pt>
              <c:pt idx="34">
                <c:v>2060</c:v>
              </c:pt>
              <c:pt idx="35">
                <c:v>2061</c:v>
              </c:pt>
              <c:pt idx="36">
                <c:v>2062</c:v>
              </c:pt>
              <c:pt idx="37">
                <c:v>2063</c:v>
              </c:pt>
              <c:pt idx="38">
                <c:v>2064</c:v>
              </c:pt>
              <c:pt idx="39">
                <c:v>2065</c:v>
              </c:pt>
              <c:pt idx="40">
                <c:v>2066</c:v>
              </c:pt>
              <c:pt idx="41">
                <c:v>2067</c:v>
              </c:pt>
              <c:pt idx="42">
                <c:v>2068</c:v>
              </c:pt>
              <c:pt idx="43">
                <c:v>2069</c:v>
              </c:pt>
              <c:pt idx="44">
                <c:v>2070</c:v>
              </c:pt>
              <c:pt idx="45">
                <c:v>2071</c:v>
              </c:pt>
              <c:pt idx="46">
                <c:v>2073</c:v>
              </c:pt>
            </c:numLit>
          </c:cat>
          <c:val>
            <c:numLit>
              <c:formatCode>General</c:formatCode>
              <c:ptCount val="49"/>
              <c:pt idx="0">
                <c:v>1451839.3100000003</c:v>
              </c:pt>
              <c:pt idx="1">
                <c:v>7449892.0100000035</c:v>
              </c:pt>
              <c:pt idx="2">
                <c:v>13924256.500000007</c:v>
              </c:pt>
              <c:pt idx="3">
                <c:v>30022738.20000004</c:v>
              </c:pt>
              <c:pt idx="4">
                <c:v>48027706.730000012</c:v>
              </c:pt>
              <c:pt idx="5">
                <c:v>69065573.849999875</c:v>
              </c:pt>
              <c:pt idx="6">
                <c:v>100526943.34000003</c:v>
              </c:pt>
              <c:pt idx="7">
                <c:v>89141616.389999941</c:v>
              </c:pt>
              <c:pt idx="8">
                <c:v>90584242.740000159</c:v>
              </c:pt>
              <c:pt idx="9">
                <c:v>87131900.539999872</c:v>
              </c:pt>
              <c:pt idx="10">
                <c:v>97341829.160000309</c:v>
              </c:pt>
              <c:pt idx="11">
                <c:v>121516092.82999997</c:v>
              </c:pt>
              <c:pt idx="12">
                <c:v>133847988.94000027</c:v>
              </c:pt>
              <c:pt idx="13">
                <c:v>162047941.43999961</c:v>
              </c:pt>
              <c:pt idx="14">
                <c:v>197185301.95000008</c:v>
              </c:pt>
              <c:pt idx="15">
                <c:v>201358896.06000024</c:v>
              </c:pt>
              <c:pt idx="16">
                <c:v>220946632.38999981</c:v>
              </c:pt>
              <c:pt idx="17">
                <c:v>257534265.82000035</c:v>
              </c:pt>
              <c:pt idx="18">
                <c:v>347157788.83999979</c:v>
              </c:pt>
              <c:pt idx="19">
                <c:v>394275231.02000052</c:v>
              </c:pt>
              <c:pt idx="20">
                <c:v>445342741.48999989</c:v>
              </c:pt>
              <c:pt idx="21">
                <c:v>463247731.3399995</c:v>
              </c:pt>
              <c:pt idx="22">
                <c:v>473310428.23999894</c:v>
              </c:pt>
              <c:pt idx="23">
                <c:v>517279208.90999997</c:v>
              </c:pt>
              <c:pt idx="24">
                <c:v>566844103.26999927</c:v>
              </c:pt>
              <c:pt idx="25">
                <c:v>586512582.8300004</c:v>
              </c:pt>
              <c:pt idx="26">
                <c:v>612413779.62000132</c:v>
              </c:pt>
              <c:pt idx="27">
                <c:v>757271611.34000063</c:v>
              </c:pt>
              <c:pt idx="28">
                <c:v>622939143.16999948</c:v>
              </c:pt>
              <c:pt idx="29">
                <c:v>601421863.86999977</c:v>
              </c:pt>
              <c:pt idx="30">
                <c:v>569393881.93999994</c:v>
              </c:pt>
              <c:pt idx="31">
                <c:v>680870491.95999992</c:v>
              </c:pt>
              <c:pt idx="32">
                <c:v>678312759.19000041</c:v>
              </c:pt>
              <c:pt idx="33">
                <c:v>1064967386.8500011</c:v>
              </c:pt>
              <c:pt idx="34">
                <c:v>1042305746.080001</c:v>
              </c:pt>
              <c:pt idx="35">
                <c:v>946316428.04000342</c:v>
              </c:pt>
              <c:pt idx="36">
                <c:v>676358301.84999847</c:v>
              </c:pt>
              <c:pt idx="37">
                <c:v>206910238.06999999</c:v>
              </c:pt>
              <c:pt idx="38">
                <c:v>270461301.94999981</c:v>
              </c:pt>
              <c:pt idx="39">
                <c:v>237495272.85000029</c:v>
              </c:pt>
              <c:pt idx="40">
                <c:v>54862984.359999999</c:v>
              </c:pt>
              <c:pt idx="41">
                <c:v>13440164.900000006</c:v>
              </c:pt>
              <c:pt idx="42">
                <c:v>7933733.1600000011</c:v>
              </c:pt>
              <c:pt idx="43">
                <c:v>1247029.0699999998</c:v>
              </c:pt>
              <c:pt idx="44">
                <c:v>478830.76</c:v>
              </c:pt>
              <c:pt idx="45">
                <c:v>476087.44</c:v>
              </c:pt>
              <c:pt idx="46">
                <c:v>147652.01999999999</c:v>
              </c:pt>
            </c:numLit>
          </c:val>
          <c:extLst>
            <c:ext xmlns:c16="http://schemas.microsoft.com/office/drawing/2014/chart" uri="{C3380CC4-5D6E-409C-BE32-E72D297353CC}">
              <c16:uniqueId val="{00000001-BAFD-4D21-9A2C-8D18DE1D9137}"/>
            </c:ext>
          </c:extLst>
        </c:ser>
        <c:dLbls>
          <c:showLegendKey val="0"/>
          <c:showVal val="0"/>
          <c:showCatName val="0"/>
          <c:showSerName val="0"/>
          <c:showPercent val="0"/>
          <c:showBubbleSize val="0"/>
        </c:dLbls>
        <c:gapWidth val="75"/>
        <c:axId val="388903072"/>
        <c:axId val="395374880"/>
      </c:barChart>
      <c:catAx>
        <c:axId val="388903072"/>
        <c:scaling>
          <c:orientation val="minMax"/>
        </c:scaling>
        <c:delete val="0"/>
        <c:axPos val="b"/>
        <c:numFmt formatCode="General" sourceLinked="0"/>
        <c:majorTickMark val="none"/>
        <c:minorTickMark val="none"/>
        <c:tickLblPos val="nextTo"/>
        <c:crossAx val="395374880"/>
        <c:crosses val="autoZero"/>
        <c:auto val="1"/>
        <c:lblAlgn val="ctr"/>
        <c:lblOffset val="100"/>
        <c:noMultiLvlLbl val="0"/>
      </c:catAx>
      <c:valAx>
        <c:axId val="395374880"/>
        <c:scaling>
          <c:orientation val="minMax"/>
          <c:min val="1"/>
        </c:scaling>
        <c:delete val="0"/>
        <c:axPos val="l"/>
        <c:majorGridlines/>
        <c:title>
          <c:tx>
            <c:rich>
              <a:bodyPr rot="-5400000" vert="horz"/>
              <a:lstStyle/>
              <a:p>
                <a:pPr>
                  <a:defRPr sz="1100"/>
                </a:pPr>
                <a:r>
                  <a:rPr lang="pt-PT" sz="1100"/>
                  <a:t>EUR</a:t>
                </a:r>
                <a:r>
                  <a:rPr lang="pt-PT" sz="1100" baseline="0"/>
                  <a:t> Millions</a:t>
                </a:r>
              </a:p>
            </c:rich>
          </c:tx>
          <c:layout>
            <c:manualLayout>
              <c:xMode val="edge"/>
              <c:yMode val="edge"/>
              <c:x val="6.7178795426478498E-3"/>
              <c:y val="0.3474255454803678"/>
            </c:manualLayout>
          </c:layout>
          <c:overlay val="0"/>
        </c:title>
        <c:numFmt formatCode="_(* #,##0_);_(* \(#,##0\);_(* &quot;-&quot;_);_(@_)" sourceLinked="0"/>
        <c:majorTickMark val="none"/>
        <c:minorTickMark val="none"/>
        <c:tickLblPos val="nextTo"/>
        <c:spPr>
          <a:ln w="9525">
            <a:noFill/>
          </a:ln>
        </c:spPr>
        <c:crossAx val="388903072"/>
        <c:crosses val="autoZero"/>
        <c:crossBetween val="between"/>
        <c:dispUnits>
          <c:builtInUnit val="millions"/>
        </c:dispUnits>
      </c:valAx>
      <c:spPr>
        <a:noFill/>
        <a:ln w="25400">
          <a:noFill/>
        </a:ln>
      </c:spPr>
    </c:plotArea>
    <c:plotVisOnly val="1"/>
    <c:dispBlanksAs val="gap"/>
    <c:showDLblsOverMax val="0"/>
  </c:chart>
  <c:spPr>
    <a:ln>
      <a:noFill/>
    </a:ln>
  </c:sp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2.png"/></Relationships>
</file>

<file path=xl/drawings/_rels/drawing2.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png"/></Relationships>
</file>

<file path=xl/drawings/_rels/drawing3.xml.rels><?xml version="1.0" encoding="UTF-8" standalone="yes"?>
<Relationships xmlns="http://schemas.openxmlformats.org/package/2006/relationships"><Relationship Id="rId1" Type="http://schemas.openxmlformats.org/officeDocument/2006/relationships/chart" Target="../charts/chart1.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3.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4.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5.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6.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7.v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1038222</xdr:colOff>
      <xdr:row>50</xdr:row>
      <xdr:rowOff>81645</xdr:rowOff>
    </xdr:from>
    <xdr:to>
      <xdr:col>3</xdr:col>
      <xdr:colOff>73325</xdr:colOff>
      <xdr:row>59</xdr:row>
      <xdr:rowOff>6923</xdr:rowOff>
    </xdr:to>
    <xdr:pic>
      <xdr:nvPicPr>
        <xdr:cNvPr id="2" name="Picture 1">
          <a:extLst>
            <a:ext uri="{FF2B5EF4-FFF2-40B4-BE49-F238E27FC236}">
              <a16:creationId xmlns:a16="http://schemas.microsoft.com/office/drawing/2014/main" id="{00000000-0008-0000-0100-000002000000}"/>
            </a:ext>
          </a:extLst>
        </xdr:cNvPr>
        <xdr:cNvPicPr>
          <a:picLocks noChangeAspect="1"/>
        </xdr:cNvPicPr>
      </xdr:nvPicPr>
      <xdr:blipFill rotWithShape="1">
        <a:blip xmlns:r="http://schemas.openxmlformats.org/officeDocument/2006/relationships" r:embed="rId1"/>
        <a:srcRect l="-65" t="67570" r="71994" b="-401"/>
        <a:stretch/>
      </xdr:blipFill>
      <xdr:spPr>
        <a:xfrm>
          <a:off x="1628772" y="7654020"/>
          <a:ext cx="2768903" cy="1782653"/>
        </a:xfrm>
        <a:prstGeom prst="rect">
          <a:avLst/>
        </a:prstGeom>
      </xdr:spPr>
    </xdr:pic>
    <xdr:clientData/>
  </xdr:twoCellAnchor>
  <xdr:twoCellAnchor editAs="oneCell">
    <xdr:from>
      <xdr:col>6</xdr:col>
      <xdr:colOff>105833</xdr:colOff>
      <xdr:row>51</xdr:row>
      <xdr:rowOff>52920</xdr:rowOff>
    </xdr:from>
    <xdr:to>
      <xdr:col>7</xdr:col>
      <xdr:colOff>1143000</xdr:colOff>
      <xdr:row>65</xdr:row>
      <xdr:rowOff>134874</xdr:rowOff>
    </xdr:to>
    <xdr:pic>
      <xdr:nvPicPr>
        <xdr:cNvPr id="3" name="Picture 2">
          <a:extLst>
            <a:ext uri="{FF2B5EF4-FFF2-40B4-BE49-F238E27FC236}">
              <a16:creationId xmlns:a16="http://schemas.microsoft.com/office/drawing/2014/main" id="{00000000-0008-0000-0100-000003000000}"/>
            </a:ext>
          </a:extLst>
        </xdr:cNvPr>
        <xdr:cNvPicPr>
          <a:picLocks noChangeAspect="1"/>
        </xdr:cNvPicPr>
      </xdr:nvPicPr>
      <xdr:blipFill rotWithShape="1">
        <a:blip xmlns:r="http://schemas.openxmlformats.org/officeDocument/2006/relationships" r:embed="rId2"/>
        <a:srcRect l="2828" t="2494" r="4887"/>
        <a:stretch/>
      </xdr:blipFill>
      <xdr:spPr>
        <a:xfrm>
          <a:off x="10030883" y="7815795"/>
          <a:ext cx="2904067" cy="2891829"/>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xdr:from>
      <xdr:col>1</xdr:col>
      <xdr:colOff>95253</xdr:colOff>
      <xdr:row>163</xdr:row>
      <xdr:rowOff>42331</xdr:rowOff>
    </xdr:from>
    <xdr:to>
      <xdr:col>8</xdr:col>
      <xdr:colOff>220134</xdr:colOff>
      <xdr:row>180</xdr:row>
      <xdr:rowOff>93133</xdr:rowOff>
    </xdr:to>
    <xdr:graphicFrame macro="">
      <xdr:nvGraphicFramePr>
        <xdr:cNvPr id="3" name="Chart 2">
          <a:extLst>
            <a:ext uri="{FF2B5EF4-FFF2-40B4-BE49-F238E27FC236}">
              <a16:creationId xmlns:a16="http://schemas.microsoft.com/office/drawing/2014/main" id="{E471C58C-89AF-4BA9-A853-35F14E6103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vmlDrawing" Target="../drawings/vmlDrawing3.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vmlDrawing" Target="../drawings/vmlDrawing4.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8" Type="http://schemas.openxmlformats.org/officeDocument/2006/relationships/vmlDrawing" Target="../drawings/vmlDrawing5.vml"/><Relationship Id="rId3" Type="http://schemas.openxmlformats.org/officeDocument/2006/relationships/hyperlink" Target="http://eur-lex.europa.eu/legal-content/EN/TXT/?uri=CELEX%3A32015R0061" TargetMode="External"/><Relationship Id="rId7" Type="http://schemas.openxmlformats.org/officeDocument/2006/relationships/printerSettings" Target="../printerSettings/printerSettings6.bin"/><Relationship Id="rId2" Type="http://schemas.openxmlformats.org/officeDocument/2006/relationships/hyperlink" Target="http://eur-lex.europa.eu/legal-content/en/TXT/?uri=celex%3A32013R0575" TargetMode="External"/><Relationship Id="rId1" Type="http://schemas.openxmlformats.org/officeDocument/2006/relationships/hyperlink" Target="https://www.bis.org/basel_framework/chapter/CRE/20.htm?tldate=20250101" TargetMode="External"/><Relationship Id="rId6" Type="http://schemas.openxmlformats.org/officeDocument/2006/relationships/hyperlink" Target="https://www.coveredbondlabel.com/issuer/68-banco-santander-totta-s-aCovered%20Bond%20label" TargetMode="External"/><Relationship Id="rId5" Type="http://schemas.openxmlformats.org/officeDocument/2006/relationships/hyperlink" Target="https://www.santander.pt/institucional/investor-relations/santander-totta-sa/emissao-de-divida" TargetMode="External"/><Relationship Id="rId4" Type="http://schemas.openxmlformats.org/officeDocument/2006/relationships/hyperlink" Target="https://eur-lex.europa.eu/eli/dir/2019/2162/oj" TargetMode="External"/></Relationships>
</file>

<file path=xl/worksheets/_rels/sheet7.xml.rels><?xml version="1.0" encoding="UTF-8" standalone="yes"?>
<Relationships xmlns="http://schemas.openxmlformats.org/package/2006/relationships"><Relationship Id="rId2" Type="http://schemas.openxmlformats.org/officeDocument/2006/relationships/vmlDrawing" Target="../drawings/vmlDrawing6.v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hyperlink" Target="https://www.santander.pt/institucional/investor-relations/santander-totta-sa/emissao-de-divida" TargetMode="External"/><Relationship Id="rId2" Type="http://schemas.openxmlformats.org/officeDocument/2006/relationships/hyperlink" Target="https://coveredbondlabel.com/" TargetMode="External"/><Relationship Id="rId1" Type="http://schemas.openxmlformats.org/officeDocument/2006/relationships/hyperlink" Target="mailto:mercadosfinanceiros@santander.pt" TargetMode="External"/><Relationship Id="rId6" Type="http://schemas.openxmlformats.org/officeDocument/2006/relationships/drawing" Target="../drawings/drawing3.xml"/><Relationship Id="rId5" Type="http://schemas.openxmlformats.org/officeDocument/2006/relationships/printerSettings" Target="../printerSettings/printerSettings8.bin"/><Relationship Id="rId4" Type="http://schemas.openxmlformats.org/officeDocument/2006/relationships/hyperlink" Target="https://www.santander.pt/institucional/investor-relations/santander-totta-sa/emissao-de-divida" TargetMode="External"/></Relationships>
</file>

<file path=xl/worksheets/_rels/sheet9.xml.rels><?xml version="1.0" encoding="UTF-8" standalone="yes"?>
<Relationships xmlns="http://schemas.openxmlformats.org/package/2006/relationships"><Relationship Id="rId2" Type="http://schemas.openxmlformats.org/officeDocument/2006/relationships/vmlDrawing" Target="../drawings/vmlDrawing7.v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E36E00"/>
  </sheetPr>
  <dimension ref="A1:A174"/>
  <sheetViews>
    <sheetView zoomScale="60" zoomScaleNormal="60" workbookViewId="0">
      <selection activeCell="C7" sqref="C7"/>
    </sheetView>
  </sheetViews>
  <sheetFormatPr defaultColWidth="9.109375" defaultRowHeight="14.4" x14ac:dyDescent="0.3"/>
  <cols>
    <col min="1" max="1" width="242" customWidth="1"/>
  </cols>
  <sheetData>
    <row r="1" spans="1:1" ht="31.2" x14ac:dyDescent="0.3">
      <c r="A1" s="48" t="s">
        <v>823</v>
      </c>
    </row>
    <row r="3" spans="1:1" ht="15" x14ac:dyDescent="0.3">
      <c r="A3" s="99"/>
    </row>
    <row r="4" spans="1:1" ht="34.799999999999997" x14ac:dyDescent="0.3">
      <c r="A4" s="100" t="s">
        <v>824</v>
      </c>
    </row>
    <row r="5" spans="1:1" ht="34.799999999999997" x14ac:dyDescent="0.3">
      <c r="A5" s="100" t="s">
        <v>825</v>
      </c>
    </row>
    <row r="6" spans="1:1" ht="52.2" x14ac:dyDescent="0.3">
      <c r="A6" s="100" t="s">
        <v>826</v>
      </c>
    </row>
    <row r="7" spans="1:1" ht="17.399999999999999" x14ac:dyDescent="0.3">
      <c r="A7" s="100"/>
    </row>
    <row r="8" spans="1:1" ht="18" x14ac:dyDescent="0.3">
      <c r="A8" s="101" t="s">
        <v>827</v>
      </c>
    </row>
    <row r="9" spans="1:1" ht="34.799999999999997" x14ac:dyDescent="0.35">
      <c r="A9" s="102" t="s">
        <v>989</v>
      </c>
    </row>
    <row r="10" spans="1:1" ht="87" x14ac:dyDescent="0.3">
      <c r="A10" s="103" t="s">
        <v>828</v>
      </c>
    </row>
    <row r="11" spans="1:1" ht="34.799999999999997" x14ac:dyDescent="0.3">
      <c r="A11" s="103" t="s">
        <v>829</v>
      </c>
    </row>
    <row r="12" spans="1:1" ht="17.399999999999999" x14ac:dyDescent="0.3">
      <c r="A12" s="103" t="s">
        <v>830</v>
      </c>
    </row>
    <row r="13" spans="1:1" ht="17.399999999999999" x14ac:dyDescent="0.3">
      <c r="A13" s="103" t="s">
        <v>831</v>
      </c>
    </row>
    <row r="14" spans="1:1" ht="34.799999999999997" x14ac:dyDescent="0.3">
      <c r="A14" s="103" t="s">
        <v>832</v>
      </c>
    </row>
    <row r="15" spans="1:1" ht="17.399999999999999" x14ac:dyDescent="0.3">
      <c r="A15" s="103"/>
    </row>
    <row r="16" spans="1:1" ht="18" x14ac:dyDescent="0.3">
      <c r="A16" s="101" t="s">
        <v>833</v>
      </c>
    </row>
    <row r="17" spans="1:1" ht="17.399999999999999" x14ac:dyDescent="0.3">
      <c r="A17" s="104" t="s">
        <v>834</v>
      </c>
    </row>
    <row r="18" spans="1:1" ht="34.799999999999997" x14ac:dyDescent="0.3">
      <c r="A18" s="105" t="s">
        <v>835</v>
      </c>
    </row>
    <row r="19" spans="1:1" ht="34.799999999999997" x14ac:dyDescent="0.3">
      <c r="A19" s="105" t="s">
        <v>836</v>
      </c>
    </row>
    <row r="20" spans="1:1" ht="52.2" x14ac:dyDescent="0.3">
      <c r="A20" s="105" t="s">
        <v>837</v>
      </c>
    </row>
    <row r="21" spans="1:1" ht="87" x14ac:dyDescent="0.3">
      <c r="A21" s="105" t="s">
        <v>838</v>
      </c>
    </row>
    <row r="22" spans="1:1" ht="52.2" x14ac:dyDescent="0.3">
      <c r="A22" s="105" t="s">
        <v>839</v>
      </c>
    </row>
    <row r="23" spans="1:1" ht="34.799999999999997" x14ac:dyDescent="0.3">
      <c r="A23" s="105" t="s">
        <v>840</v>
      </c>
    </row>
    <row r="24" spans="1:1" ht="17.399999999999999" x14ac:dyDescent="0.3">
      <c r="A24" s="105" t="s">
        <v>841</v>
      </c>
    </row>
    <row r="25" spans="1:1" ht="17.399999999999999" x14ac:dyDescent="0.3">
      <c r="A25" s="104" t="s">
        <v>842</v>
      </c>
    </row>
    <row r="26" spans="1:1" ht="52.2" x14ac:dyDescent="0.35">
      <c r="A26" s="106" t="s">
        <v>843</v>
      </c>
    </row>
    <row r="27" spans="1:1" ht="17.399999999999999" x14ac:dyDescent="0.35">
      <c r="A27" s="106" t="s">
        <v>844</v>
      </c>
    </row>
    <row r="28" spans="1:1" ht="17.399999999999999" x14ac:dyDescent="0.3">
      <c r="A28" s="104" t="s">
        <v>845</v>
      </c>
    </row>
    <row r="29" spans="1:1" ht="34.799999999999997" x14ac:dyDescent="0.3">
      <c r="A29" s="105" t="s">
        <v>846</v>
      </c>
    </row>
    <row r="30" spans="1:1" ht="34.799999999999997" x14ac:dyDescent="0.3">
      <c r="A30" s="105" t="s">
        <v>847</v>
      </c>
    </row>
    <row r="31" spans="1:1" ht="34.799999999999997" x14ac:dyDescent="0.3">
      <c r="A31" s="105" t="s">
        <v>848</v>
      </c>
    </row>
    <row r="32" spans="1:1" ht="34.799999999999997" x14ac:dyDescent="0.3">
      <c r="A32" s="105" t="s">
        <v>849</v>
      </c>
    </row>
    <row r="33" spans="1:1" ht="17.399999999999999" x14ac:dyDescent="0.3">
      <c r="A33" s="105"/>
    </row>
    <row r="34" spans="1:1" ht="18" x14ac:dyDescent="0.3">
      <c r="A34" s="101" t="s">
        <v>850</v>
      </c>
    </row>
    <row r="35" spans="1:1" ht="17.399999999999999" x14ac:dyDescent="0.3">
      <c r="A35" s="104" t="s">
        <v>851</v>
      </c>
    </row>
    <row r="36" spans="1:1" ht="34.799999999999997" x14ac:dyDescent="0.3">
      <c r="A36" s="105" t="s">
        <v>852</v>
      </c>
    </row>
    <row r="37" spans="1:1" ht="34.799999999999997" x14ac:dyDescent="0.3">
      <c r="A37" s="105" t="s">
        <v>853</v>
      </c>
    </row>
    <row r="38" spans="1:1" ht="34.799999999999997" x14ac:dyDescent="0.3">
      <c r="A38" s="105" t="s">
        <v>854</v>
      </c>
    </row>
    <row r="39" spans="1:1" ht="17.399999999999999" x14ac:dyDescent="0.3">
      <c r="A39" s="105" t="s">
        <v>855</v>
      </c>
    </row>
    <row r="40" spans="1:1" ht="34.799999999999997" x14ac:dyDescent="0.3">
      <c r="A40" s="105" t="s">
        <v>856</v>
      </c>
    </row>
    <row r="41" spans="1:1" ht="17.399999999999999" x14ac:dyDescent="0.3">
      <c r="A41" s="104" t="s">
        <v>857</v>
      </c>
    </row>
    <row r="42" spans="1:1" ht="17.399999999999999" x14ac:dyDescent="0.3">
      <c r="A42" s="105" t="s">
        <v>858</v>
      </c>
    </row>
    <row r="43" spans="1:1" ht="17.399999999999999" x14ac:dyDescent="0.35">
      <c r="A43" s="106" t="s">
        <v>859</v>
      </c>
    </row>
    <row r="44" spans="1:1" ht="17.399999999999999" x14ac:dyDescent="0.3">
      <c r="A44" s="104" t="s">
        <v>860</v>
      </c>
    </row>
    <row r="45" spans="1:1" ht="34.799999999999997" x14ac:dyDescent="0.35">
      <c r="A45" s="106" t="s">
        <v>861</v>
      </c>
    </row>
    <row r="46" spans="1:1" ht="34.799999999999997" x14ac:dyDescent="0.3">
      <c r="A46" s="105" t="s">
        <v>862</v>
      </c>
    </row>
    <row r="47" spans="1:1" ht="52.2" x14ac:dyDescent="0.3">
      <c r="A47" s="105" t="s">
        <v>863</v>
      </c>
    </row>
    <row r="48" spans="1:1" ht="17.399999999999999" x14ac:dyDescent="0.3">
      <c r="A48" s="105" t="s">
        <v>864</v>
      </c>
    </row>
    <row r="49" spans="1:1" ht="17.399999999999999" x14ac:dyDescent="0.35">
      <c r="A49" s="106" t="s">
        <v>865</v>
      </c>
    </row>
    <row r="50" spans="1:1" ht="17.399999999999999" x14ac:dyDescent="0.3">
      <c r="A50" s="104" t="s">
        <v>866</v>
      </c>
    </row>
    <row r="51" spans="1:1" ht="34.799999999999997" x14ac:dyDescent="0.35">
      <c r="A51" s="106" t="s">
        <v>867</v>
      </c>
    </row>
    <row r="52" spans="1:1" ht="17.399999999999999" x14ac:dyDescent="0.3">
      <c r="A52" s="105" t="s">
        <v>868</v>
      </c>
    </row>
    <row r="53" spans="1:1" ht="34.799999999999997" x14ac:dyDescent="0.35">
      <c r="A53" s="106" t="s">
        <v>869</v>
      </c>
    </row>
    <row r="54" spans="1:1" ht="17.399999999999999" x14ac:dyDescent="0.3">
      <c r="A54" s="104" t="s">
        <v>870</v>
      </c>
    </row>
    <row r="55" spans="1:1" ht="17.399999999999999" x14ac:dyDescent="0.35">
      <c r="A55" s="106" t="s">
        <v>871</v>
      </c>
    </row>
    <row r="56" spans="1:1" ht="34.799999999999997" x14ac:dyDescent="0.3">
      <c r="A56" s="105" t="s">
        <v>872</v>
      </c>
    </row>
    <row r="57" spans="1:1" ht="17.399999999999999" x14ac:dyDescent="0.3">
      <c r="A57" s="105" t="s">
        <v>873</v>
      </c>
    </row>
    <row r="58" spans="1:1" ht="34.799999999999997" x14ac:dyDescent="0.3">
      <c r="A58" s="105" t="s">
        <v>874</v>
      </c>
    </row>
    <row r="59" spans="1:1" ht="17.399999999999999" x14ac:dyDescent="0.3">
      <c r="A59" s="104" t="s">
        <v>875</v>
      </c>
    </row>
    <row r="60" spans="1:1" ht="34.799999999999997" x14ac:dyDescent="0.3">
      <c r="A60" s="105" t="s">
        <v>876</v>
      </c>
    </row>
    <row r="61" spans="1:1" ht="17.399999999999999" x14ac:dyDescent="0.3">
      <c r="A61" s="107"/>
    </row>
    <row r="62" spans="1:1" ht="18" x14ac:dyDescent="0.3">
      <c r="A62" s="101" t="s">
        <v>877</v>
      </c>
    </row>
    <row r="63" spans="1:1" ht="17.399999999999999" x14ac:dyDescent="0.3">
      <c r="A63" s="104" t="s">
        <v>878</v>
      </c>
    </row>
    <row r="64" spans="1:1" ht="34.799999999999997" x14ac:dyDescent="0.3">
      <c r="A64" s="105" t="s">
        <v>879</v>
      </c>
    </row>
    <row r="65" spans="1:1" ht="17.399999999999999" x14ac:dyDescent="0.3">
      <c r="A65" s="105" t="s">
        <v>880</v>
      </c>
    </row>
    <row r="66" spans="1:1" ht="52.2" x14ac:dyDescent="0.3">
      <c r="A66" s="103" t="s">
        <v>881</v>
      </c>
    </row>
    <row r="67" spans="1:1" ht="34.799999999999997" x14ac:dyDescent="0.3">
      <c r="A67" s="103" t="s">
        <v>882</v>
      </c>
    </row>
    <row r="68" spans="1:1" ht="34.799999999999997" x14ac:dyDescent="0.3">
      <c r="A68" s="103" t="s">
        <v>883</v>
      </c>
    </row>
    <row r="69" spans="1:1" ht="17.399999999999999" x14ac:dyDescent="0.3">
      <c r="A69" s="108" t="s">
        <v>884</v>
      </c>
    </row>
    <row r="70" spans="1:1" ht="52.2" x14ac:dyDescent="0.3">
      <c r="A70" s="103" t="s">
        <v>885</v>
      </c>
    </row>
    <row r="71" spans="1:1" ht="17.399999999999999" x14ac:dyDescent="0.3">
      <c r="A71" s="103" t="s">
        <v>886</v>
      </c>
    </row>
    <row r="72" spans="1:1" ht="17.399999999999999" x14ac:dyDescent="0.3">
      <c r="A72" s="108" t="s">
        <v>887</v>
      </c>
    </row>
    <row r="73" spans="1:1" ht="17.399999999999999" x14ac:dyDescent="0.3">
      <c r="A73" s="103" t="s">
        <v>888</v>
      </c>
    </row>
    <row r="74" spans="1:1" ht="17.399999999999999" x14ac:dyDescent="0.3">
      <c r="A74" s="108" t="s">
        <v>889</v>
      </c>
    </row>
    <row r="75" spans="1:1" ht="34.799999999999997" x14ac:dyDescent="0.3">
      <c r="A75" s="103" t="s">
        <v>890</v>
      </c>
    </row>
    <row r="76" spans="1:1" ht="17.399999999999999" x14ac:dyDescent="0.3">
      <c r="A76" s="103" t="s">
        <v>891</v>
      </c>
    </row>
    <row r="77" spans="1:1" ht="52.2" x14ac:dyDescent="0.3">
      <c r="A77" s="103" t="s">
        <v>892</v>
      </c>
    </row>
    <row r="78" spans="1:1" ht="17.399999999999999" x14ac:dyDescent="0.3">
      <c r="A78" s="108" t="s">
        <v>893</v>
      </c>
    </row>
    <row r="79" spans="1:1" ht="17.399999999999999" x14ac:dyDescent="0.35">
      <c r="A79" s="102" t="s">
        <v>894</v>
      </c>
    </row>
    <row r="80" spans="1:1" ht="17.399999999999999" x14ac:dyDescent="0.3">
      <c r="A80" s="108" t="s">
        <v>895</v>
      </c>
    </row>
    <row r="81" spans="1:1" ht="34.799999999999997" x14ac:dyDescent="0.3">
      <c r="A81" s="103" t="s">
        <v>896</v>
      </c>
    </row>
    <row r="82" spans="1:1" ht="34.799999999999997" x14ac:dyDescent="0.3">
      <c r="A82" s="103" t="s">
        <v>897</v>
      </c>
    </row>
    <row r="83" spans="1:1" ht="34.799999999999997" x14ac:dyDescent="0.3">
      <c r="A83" s="103" t="s">
        <v>898</v>
      </c>
    </row>
    <row r="84" spans="1:1" ht="34.799999999999997" x14ac:dyDescent="0.3">
      <c r="A84" s="103" t="s">
        <v>899</v>
      </c>
    </row>
    <row r="85" spans="1:1" ht="34.799999999999997" x14ac:dyDescent="0.3">
      <c r="A85" s="103" t="s">
        <v>900</v>
      </c>
    </row>
    <row r="86" spans="1:1" ht="17.399999999999999" x14ac:dyDescent="0.3">
      <c r="A86" s="108" t="s">
        <v>901</v>
      </c>
    </row>
    <row r="87" spans="1:1" ht="17.399999999999999" x14ac:dyDescent="0.3">
      <c r="A87" s="103" t="s">
        <v>902</v>
      </c>
    </row>
    <row r="88" spans="1:1" ht="34.799999999999997" x14ac:dyDescent="0.3">
      <c r="A88" s="103" t="s">
        <v>903</v>
      </c>
    </row>
    <row r="89" spans="1:1" ht="17.399999999999999" x14ac:dyDescent="0.3">
      <c r="A89" s="108" t="s">
        <v>904</v>
      </c>
    </row>
    <row r="90" spans="1:1" ht="34.799999999999997" x14ac:dyDescent="0.3">
      <c r="A90" s="103" t="s">
        <v>905</v>
      </c>
    </row>
    <row r="91" spans="1:1" ht="17.399999999999999" x14ac:dyDescent="0.3">
      <c r="A91" s="108" t="s">
        <v>906</v>
      </c>
    </row>
    <row r="92" spans="1:1" ht="17.399999999999999" x14ac:dyDescent="0.35">
      <c r="A92" s="102" t="s">
        <v>907</v>
      </c>
    </row>
    <row r="93" spans="1:1" ht="17.399999999999999" x14ac:dyDescent="0.3">
      <c r="A93" s="103" t="s">
        <v>908</v>
      </c>
    </row>
    <row r="94" spans="1:1" ht="17.399999999999999" x14ac:dyDescent="0.3">
      <c r="A94" s="103"/>
    </row>
    <row r="95" spans="1:1" ht="18" x14ac:dyDescent="0.3">
      <c r="A95" s="101" t="s">
        <v>909</v>
      </c>
    </row>
    <row r="96" spans="1:1" ht="34.799999999999997" x14ac:dyDescent="0.35">
      <c r="A96" s="102" t="s">
        <v>910</v>
      </c>
    </row>
    <row r="97" spans="1:1" ht="17.399999999999999" x14ac:dyDescent="0.35">
      <c r="A97" s="102" t="s">
        <v>911</v>
      </c>
    </row>
    <row r="98" spans="1:1" ht="17.399999999999999" x14ac:dyDescent="0.3">
      <c r="A98" s="108" t="s">
        <v>912</v>
      </c>
    </row>
    <row r="99" spans="1:1" ht="17.399999999999999" x14ac:dyDescent="0.3">
      <c r="A99" s="100" t="s">
        <v>913</v>
      </c>
    </row>
    <row r="100" spans="1:1" ht="17.399999999999999" x14ac:dyDescent="0.3">
      <c r="A100" s="103" t="s">
        <v>914</v>
      </c>
    </row>
    <row r="101" spans="1:1" ht="17.399999999999999" x14ac:dyDescent="0.3">
      <c r="A101" s="103" t="s">
        <v>915</v>
      </c>
    </row>
    <row r="102" spans="1:1" ht="17.399999999999999" x14ac:dyDescent="0.3">
      <c r="A102" s="103" t="s">
        <v>916</v>
      </c>
    </row>
    <row r="103" spans="1:1" ht="17.399999999999999" x14ac:dyDescent="0.3">
      <c r="A103" s="103" t="s">
        <v>917</v>
      </c>
    </row>
    <row r="104" spans="1:1" ht="34.799999999999997" x14ac:dyDescent="0.3">
      <c r="A104" s="103" t="s">
        <v>918</v>
      </c>
    </row>
    <row r="105" spans="1:1" ht="17.399999999999999" x14ac:dyDescent="0.3">
      <c r="A105" s="100" t="s">
        <v>919</v>
      </c>
    </row>
    <row r="106" spans="1:1" ht="17.399999999999999" x14ac:dyDescent="0.3">
      <c r="A106" s="103" t="s">
        <v>920</v>
      </c>
    </row>
    <row r="107" spans="1:1" ht="17.399999999999999" x14ac:dyDescent="0.3">
      <c r="A107" s="103" t="s">
        <v>921</v>
      </c>
    </row>
    <row r="108" spans="1:1" ht="17.399999999999999" x14ac:dyDescent="0.3">
      <c r="A108" s="103" t="s">
        <v>922</v>
      </c>
    </row>
    <row r="109" spans="1:1" ht="17.399999999999999" x14ac:dyDescent="0.3">
      <c r="A109" s="103" t="s">
        <v>923</v>
      </c>
    </row>
    <row r="110" spans="1:1" ht="17.399999999999999" x14ac:dyDescent="0.3">
      <c r="A110" s="103" t="s">
        <v>924</v>
      </c>
    </row>
    <row r="111" spans="1:1" ht="17.399999999999999" x14ac:dyDescent="0.3">
      <c r="A111" s="103" t="s">
        <v>925</v>
      </c>
    </row>
    <row r="112" spans="1:1" ht="17.399999999999999" x14ac:dyDescent="0.3">
      <c r="A112" s="108" t="s">
        <v>926</v>
      </c>
    </row>
    <row r="113" spans="1:1" ht="17.399999999999999" x14ac:dyDescent="0.3">
      <c r="A113" s="103" t="s">
        <v>927</v>
      </c>
    </row>
    <row r="114" spans="1:1" ht="17.399999999999999" x14ac:dyDescent="0.3">
      <c r="A114" s="100" t="s">
        <v>928</v>
      </c>
    </row>
    <row r="115" spans="1:1" ht="17.399999999999999" x14ac:dyDescent="0.3">
      <c r="A115" s="103" t="s">
        <v>929</v>
      </c>
    </row>
    <row r="116" spans="1:1" ht="17.399999999999999" x14ac:dyDescent="0.3">
      <c r="A116" s="103" t="s">
        <v>930</v>
      </c>
    </row>
    <row r="117" spans="1:1" ht="17.399999999999999" x14ac:dyDescent="0.3">
      <c r="A117" s="100" t="s">
        <v>931</v>
      </c>
    </row>
    <row r="118" spans="1:1" ht="17.399999999999999" x14ac:dyDescent="0.3">
      <c r="A118" s="103" t="s">
        <v>932</v>
      </c>
    </row>
    <row r="119" spans="1:1" ht="17.399999999999999" x14ac:dyDescent="0.3">
      <c r="A119" s="103" t="s">
        <v>933</v>
      </c>
    </row>
    <row r="120" spans="1:1" ht="17.399999999999999" x14ac:dyDescent="0.3">
      <c r="A120" s="103" t="s">
        <v>934</v>
      </c>
    </row>
    <row r="121" spans="1:1" ht="17.399999999999999" x14ac:dyDescent="0.3">
      <c r="A121" s="108" t="s">
        <v>935</v>
      </c>
    </row>
    <row r="122" spans="1:1" ht="17.399999999999999" x14ac:dyDescent="0.3">
      <c r="A122" s="100" t="s">
        <v>936</v>
      </c>
    </row>
    <row r="123" spans="1:1" ht="17.399999999999999" x14ac:dyDescent="0.3">
      <c r="A123" s="100" t="s">
        <v>937</v>
      </c>
    </row>
    <row r="124" spans="1:1" ht="17.399999999999999" x14ac:dyDescent="0.3">
      <c r="A124" s="103" t="s">
        <v>938</v>
      </c>
    </row>
    <row r="125" spans="1:1" ht="17.399999999999999" x14ac:dyDescent="0.3">
      <c r="A125" s="103" t="s">
        <v>939</v>
      </c>
    </row>
    <row r="126" spans="1:1" ht="17.399999999999999" x14ac:dyDescent="0.3">
      <c r="A126" s="103" t="s">
        <v>940</v>
      </c>
    </row>
    <row r="127" spans="1:1" ht="17.399999999999999" x14ac:dyDescent="0.3">
      <c r="A127" s="103" t="s">
        <v>941</v>
      </c>
    </row>
    <row r="128" spans="1:1" ht="17.399999999999999" x14ac:dyDescent="0.3">
      <c r="A128" s="103" t="s">
        <v>942</v>
      </c>
    </row>
    <row r="129" spans="1:1" ht="17.399999999999999" x14ac:dyDescent="0.3">
      <c r="A129" s="108" t="s">
        <v>943</v>
      </c>
    </row>
    <row r="130" spans="1:1" ht="34.799999999999997" x14ac:dyDescent="0.3">
      <c r="A130" s="103" t="s">
        <v>944</v>
      </c>
    </row>
    <row r="131" spans="1:1" ht="69.599999999999994" x14ac:dyDescent="0.3">
      <c r="A131" s="103" t="s">
        <v>945</v>
      </c>
    </row>
    <row r="132" spans="1:1" ht="34.799999999999997" x14ac:dyDescent="0.3">
      <c r="A132" s="103" t="s">
        <v>946</v>
      </c>
    </row>
    <row r="133" spans="1:1" ht="17.399999999999999" x14ac:dyDescent="0.3">
      <c r="A133" s="108" t="s">
        <v>947</v>
      </c>
    </row>
    <row r="134" spans="1:1" ht="34.799999999999997" x14ac:dyDescent="0.3">
      <c r="A134" s="100" t="s">
        <v>948</v>
      </c>
    </row>
    <row r="135" spans="1:1" ht="17.399999999999999" x14ac:dyDescent="0.3">
      <c r="A135" s="100"/>
    </row>
    <row r="136" spans="1:1" ht="18" x14ac:dyDescent="0.3">
      <c r="A136" s="101" t="s">
        <v>949</v>
      </c>
    </row>
    <row r="137" spans="1:1" ht="17.399999999999999" x14ac:dyDescent="0.3">
      <c r="A137" s="103" t="s">
        <v>950</v>
      </c>
    </row>
    <row r="138" spans="1:1" ht="52.2" x14ac:dyDescent="0.3">
      <c r="A138" s="105" t="s">
        <v>951</v>
      </c>
    </row>
    <row r="139" spans="1:1" ht="34.799999999999997" x14ac:dyDescent="0.3">
      <c r="A139" s="105" t="s">
        <v>952</v>
      </c>
    </row>
    <row r="140" spans="1:1" ht="17.399999999999999" x14ac:dyDescent="0.3">
      <c r="A140" s="104" t="s">
        <v>953</v>
      </c>
    </row>
    <row r="141" spans="1:1" ht="17.399999999999999" x14ac:dyDescent="0.3">
      <c r="A141" s="109" t="s">
        <v>954</v>
      </c>
    </row>
    <row r="142" spans="1:1" ht="34.799999999999997" x14ac:dyDescent="0.35">
      <c r="A142" s="106" t="s">
        <v>955</v>
      </c>
    </row>
    <row r="143" spans="1:1" ht="17.399999999999999" x14ac:dyDescent="0.3">
      <c r="A143" s="105" t="s">
        <v>956</v>
      </c>
    </row>
    <row r="144" spans="1:1" ht="17.399999999999999" x14ac:dyDescent="0.3">
      <c r="A144" s="105" t="s">
        <v>957</v>
      </c>
    </row>
    <row r="145" spans="1:1" ht="17.399999999999999" x14ac:dyDescent="0.3">
      <c r="A145" s="109" t="s">
        <v>958</v>
      </c>
    </row>
    <row r="146" spans="1:1" ht="17.399999999999999" x14ac:dyDescent="0.3">
      <c r="A146" s="104" t="s">
        <v>959</v>
      </c>
    </row>
    <row r="147" spans="1:1" ht="17.399999999999999" x14ac:dyDescent="0.3">
      <c r="A147" s="109" t="s">
        <v>960</v>
      </c>
    </row>
    <row r="148" spans="1:1" ht="17.399999999999999" x14ac:dyDescent="0.3">
      <c r="A148" s="105" t="s">
        <v>961</v>
      </c>
    </row>
    <row r="149" spans="1:1" ht="17.399999999999999" x14ac:dyDescent="0.3">
      <c r="A149" s="105" t="s">
        <v>962</v>
      </c>
    </row>
    <row r="150" spans="1:1" ht="17.399999999999999" x14ac:dyDescent="0.3">
      <c r="A150" s="105" t="s">
        <v>963</v>
      </c>
    </row>
    <row r="151" spans="1:1" ht="34.799999999999997" x14ac:dyDescent="0.3">
      <c r="A151" s="109" t="s">
        <v>964</v>
      </c>
    </row>
    <row r="152" spans="1:1" ht="17.399999999999999" x14ac:dyDescent="0.3">
      <c r="A152" s="104" t="s">
        <v>965</v>
      </c>
    </row>
    <row r="153" spans="1:1" ht="17.399999999999999" x14ac:dyDescent="0.3">
      <c r="A153" s="105" t="s">
        <v>966</v>
      </c>
    </row>
    <row r="154" spans="1:1" ht="17.399999999999999" x14ac:dyDescent="0.3">
      <c r="A154" s="105" t="s">
        <v>967</v>
      </c>
    </row>
    <row r="155" spans="1:1" ht="17.399999999999999" x14ac:dyDescent="0.3">
      <c r="A155" s="105" t="s">
        <v>968</v>
      </c>
    </row>
    <row r="156" spans="1:1" ht="17.399999999999999" x14ac:dyDescent="0.3">
      <c r="A156" s="105" t="s">
        <v>969</v>
      </c>
    </row>
    <row r="157" spans="1:1" ht="34.799999999999997" x14ac:dyDescent="0.3">
      <c r="A157" s="105" t="s">
        <v>970</v>
      </c>
    </row>
    <row r="158" spans="1:1" ht="34.799999999999997" x14ac:dyDescent="0.3">
      <c r="A158" s="105" t="s">
        <v>971</v>
      </c>
    </row>
    <row r="159" spans="1:1" ht="17.399999999999999" x14ac:dyDescent="0.3">
      <c r="A159" s="104" t="s">
        <v>972</v>
      </c>
    </row>
    <row r="160" spans="1:1" ht="34.799999999999997" x14ac:dyDescent="0.3">
      <c r="A160" s="105" t="s">
        <v>973</v>
      </c>
    </row>
    <row r="161" spans="1:1" ht="34.799999999999997" x14ac:dyDescent="0.3">
      <c r="A161" s="105" t="s">
        <v>974</v>
      </c>
    </row>
    <row r="162" spans="1:1" ht="17.399999999999999" x14ac:dyDescent="0.3">
      <c r="A162" s="105" t="s">
        <v>975</v>
      </c>
    </row>
    <row r="163" spans="1:1" ht="17.399999999999999" x14ac:dyDescent="0.3">
      <c r="A163" s="104" t="s">
        <v>976</v>
      </c>
    </row>
    <row r="164" spans="1:1" ht="34.799999999999997" x14ac:dyDescent="0.35">
      <c r="A164" s="106" t="s">
        <v>990</v>
      </c>
    </row>
    <row r="165" spans="1:1" ht="34.799999999999997" x14ac:dyDescent="0.3">
      <c r="A165" s="105" t="s">
        <v>977</v>
      </c>
    </row>
    <row r="166" spans="1:1" ht="17.399999999999999" x14ac:dyDescent="0.3">
      <c r="A166" s="104" t="s">
        <v>978</v>
      </c>
    </row>
    <row r="167" spans="1:1" ht="17.399999999999999" x14ac:dyDescent="0.3">
      <c r="A167" s="105" t="s">
        <v>979</v>
      </c>
    </row>
    <row r="168" spans="1:1" ht="17.399999999999999" x14ac:dyDescent="0.3">
      <c r="A168" s="104" t="s">
        <v>980</v>
      </c>
    </row>
    <row r="169" spans="1:1" ht="17.399999999999999" x14ac:dyDescent="0.35">
      <c r="A169" s="106" t="s">
        <v>981</v>
      </c>
    </row>
    <row r="170" spans="1:1" ht="17.399999999999999" x14ac:dyDescent="0.35">
      <c r="A170" s="106"/>
    </row>
    <row r="171" spans="1:1" ht="17.399999999999999" x14ac:dyDescent="0.35">
      <c r="A171" s="106"/>
    </row>
    <row r="172" spans="1:1" ht="17.399999999999999" x14ac:dyDescent="0.35">
      <c r="A172" s="106"/>
    </row>
    <row r="173" spans="1:1" ht="17.399999999999999" x14ac:dyDescent="0.35">
      <c r="A173" s="106"/>
    </row>
    <row r="174" spans="1:1" ht="17.399999999999999" x14ac:dyDescent="0.35">
      <c r="A174" s="106"/>
    </row>
  </sheetData>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rowBreaks count="1" manualBreakCount="1">
    <brk id="14" man="1"/>
  </rowBreaks>
  <legacyDrawingHF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tabColor rgb="FF847A75"/>
  </sheetPr>
  <dimension ref="B1:J43"/>
  <sheetViews>
    <sheetView tabSelected="1" topLeftCell="A5" zoomScale="80" zoomScaleNormal="80" workbookViewId="0">
      <selection activeCell="F11" sqref="F11"/>
    </sheetView>
  </sheetViews>
  <sheetFormatPr defaultRowHeight="14.4" x14ac:dyDescent="0.3"/>
  <cols>
    <col min="2" max="10" width="12.44140625" customWidth="1"/>
  </cols>
  <sheetData>
    <row r="1" spans="2:10" ht="15" thickBot="1" x14ac:dyDescent="0.35"/>
    <row r="2" spans="2:10" x14ac:dyDescent="0.3">
      <c r="B2" s="2"/>
      <c r="C2" s="3"/>
      <c r="D2" s="3"/>
      <c r="E2" s="3"/>
      <c r="F2" s="3"/>
      <c r="G2" s="3"/>
      <c r="H2" s="3"/>
      <c r="I2" s="3"/>
      <c r="J2" s="4"/>
    </row>
    <row r="3" spans="2:10" x14ac:dyDescent="0.3">
      <c r="B3" s="5"/>
      <c r="C3" s="6"/>
      <c r="D3" s="6"/>
      <c r="E3" s="6"/>
      <c r="F3" s="6"/>
      <c r="G3" s="6"/>
      <c r="H3" s="6"/>
      <c r="I3" s="6"/>
      <c r="J3" s="7"/>
    </row>
    <row r="4" spans="2:10" x14ac:dyDescent="0.3">
      <c r="B4" s="5"/>
      <c r="C4" s="6"/>
      <c r="D4" s="6"/>
      <c r="E4" s="6"/>
      <c r="F4" s="6"/>
      <c r="G4" s="6"/>
      <c r="H4" s="6"/>
      <c r="I4" s="6"/>
      <c r="J4" s="7"/>
    </row>
    <row r="5" spans="2:10" ht="31.2" x14ac:dyDescent="0.35">
      <c r="B5" s="5"/>
      <c r="C5" s="6"/>
      <c r="D5" s="6"/>
      <c r="E5" s="8"/>
      <c r="F5" s="9" t="s">
        <v>12</v>
      </c>
      <c r="G5" s="6"/>
      <c r="H5" s="6"/>
      <c r="I5" s="6"/>
      <c r="J5" s="7"/>
    </row>
    <row r="6" spans="2:10" ht="41.25" customHeight="1" x14ac:dyDescent="0.3">
      <c r="B6" s="5"/>
      <c r="C6" s="6"/>
      <c r="D6" s="329" t="s">
        <v>1726</v>
      </c>
      <c r="E6" s="329"/>
      <c r="F6" s="329"/>
      <c r="G6" s="329"/>
      <c r="H6" s="329"/>
      <c r="I6" s="6"/>
      <c r="J6" s="7"/>
    </row>
    <row r="7" spans="2:10" ht="25.8" x14ac:dyDescent="0.3">
      <c r="B7" s="5"/>
      <c r="C7" s="6"/>
      <c r="D7" s="6"/>
      <c r="E7" s="6"/>
      <c r="F7" s="11" t="s">
        <v>532</v>
      </c>
      <c r="G7" s="6"/>
      <c r="H7" s="6"/>
      <c r="I7" s="6"/>
      <c r="J7" s="7"/>
    </row>
    <row r="8" spans="2:10" ht="25.8" x14ac:dyDescent="0.3">
      <c r="B8" s="5"/>
      <c r="C8" s="6"/>
      <c r="D8" s="6"/>
      <c r="E8" s="6"/>
      <c r="F8" s="11" t="s">
        <v>1743</v>
      </c>
      <c r="G8" s="6"/>
      <c r="H8" s="6"/>
      <c r="I8" s="6"/>
      <c r="J8" s="7"/>
    </row>
    <row r="9" spans="2:10" ht="21" x14ac:dyDescent="0.3">
      <c r="B9" s="5"/>
      <c r="C9" s="6"/>
      <c r="D9" s="6"/>
      <c r="E9" s="6"/>
      <c r="F9" s="12" t="s">
        <v>1992</v>
      </c>
      <c r="G9" s="6"/>
      <c r="H9" s="6"/>
      <c r="I9" s="6"/>
      <c r="J9" s="7"/>
    </row>
    <row r="10" spans="2:10" ht="21" x14ac:dyDescent="0.3">
      <c r="B10" s="5"/>
      <c r="C10" s="6"/>
      <c r="D10" s="6"/>
      <c r="E10" s="6"/>
      <c r="F10" s="12" t="s">
        <v>1993</v>
      </c>
      <c r="G10" s="6"/>
      <c r="H10" s="6"/>
      <c r="I10" s="6"/>
      <c r="J10" s="7"/>
    </row>
    <row r="11" spans="2:10" ht="21" x14ac:dyDescent="0.3">
      <c r="B11" s="5"/>
      <c r="C11" s="6"/>
      <c r="D11" s="6"/>
      <c r="E11" s="6"/>
      <c r="F11" s="12"/>
      <c r="G11" s="6"/>
      <c r="H11" s="6"/>
      <c r="I11" s="6"/>
      <c r="J11" s="7"/>
    </row>
    <row r="12" spans="2:10" x14ac:dyDescent="0.3">
      <c r="B12" s="5"/>
      <c r="C12" s="6"/>
      <c r="D12" s="6"/>
      <c r="E12" s="6"/>
      <c r="F12" s="6"/>
      <c r="G12" s="6"/>
      <c r="H12" s="6"/>
      <c r="I12" s="6"/>
      <c r="J12" s="7"/>
    </row>
    <row r="13" spans="2:10" x14ac:dyDescent="0.3">
      <c r="B13" s="5"/>
      <c r="C13" s="6"/>
      <c r="D13" s="6"/>
      <c r="E13" s="6"/>
      <c r="F13" s="6"/>
      <c r="G13" s="6"/>
      <c r="H13" s="6"/>
      <c r="I13" s="6"/>
      <c r="J13" s="7"/>
    </row>
    <row r="14" spans="2:10" x14ac:dyDescent="0.3">
      <c r="B14" s="5"/>
      <c r="C14" s="6"/>
      <c r="D14" s="6"/>
      <c r="E14" s="6"/>
      <c r="F14" s="6"/>
      <c r="G14" s="6"/>
      <c r="H14" s="6"/>
      <c r="I14" s="6"/>
      <c r="J14" s="7"/>
    </row>
    <row r="15" spans="2:10" x14ac:dyDescent="0.3">
      <c r="B15" s="5"/>
      <c r="C15" s="6"/>
      <c r="D15" s="6"/>
      <c r="E15" s="6"/>
      <c r="F15" s="6"/>
      <c r="G15" s="6"/>
      <c r="H15" s="6"/>
      <c r="I15" s="6"/>
      <c r="J15" s="7"/>
    </row>
    <row r="16" spans="2:10" x14ac:dyDescent="0.3">
      <c r="B16" s="5"/>
      <c r="C16" s="6"/>
      <c r="D16" s="6"/>
      <c r="E16" s="6"/>
      <c r="F16" s="6"/>
      <c r="G16" s="6"/>
      <c r="H16" s="6"/>
      <c r="I16" s="6"/>
      <c r="J16" s="7"/>
    </row>
    <row r="17" spans="2:10" x14ac:dyDescent="0.3">
      <c r="B17" s="5"/>
      <c r="C17" s="6"/>
      <c r="D17" s="6"/>
      <c r="E17" s="6"/>
      <c r="F17" s="6"/>
      <c r="G17" s="6"/>
      <c r="H17" s="6"/>
      <c r="I17" s="6"/>
      <c r="J17" s="7"/>
    </row>
    <row r="18" spans="2:10" x14ac:dyDescent="0.3">
      <c r="B18" s="5"/>
      <c r="C18" s="6"/>
      <c r="D18" s="6"/>
      <c r="E18" s="6"/>
      <c r="F18" s="6"/>
      <c r="G18" s="6"/>
      <c r="H18" s="6"/>
      <c r="I18" s="6"/>
      <c r="J18" s="7"/>
    </row>
    <row r="19" spans="2:10" x14ac:dyDescent="0.3">
      <c r="B19" s="5"/>
      <c r="C19" s="6"/>
      <c r="D19" s="6"/>
      <c r="E19" s="6"/>
      <c r="F19" s="6"/>
      <c r="G19" s="6"/>
      <c r="H19" s="6"/>
      <c r="I19" s="6"/>
      <c r="J19" s="7"/>
    </row>
    <row r="20" spans="2:10" x14ac:dyDescent="0.3">
      <c r="B20" s="5"/>
      <c r="C20" s="6"/>
      <c r="D20" s="6"/>
      <c r="E20" s="6"/>
      <c r="F20" s="6"/>
      <c r="G20" s="6"/>
      <c r="H20" s="6"/>
      <c r="I20" s="6"/>
      <c r="J20" s="7"/>
    </row>
    <row r="21" spans="2:10" x14ac:dyDescent="0.3">
      <c r="B21" s="5"/>
      <c r="C21" s="6"/>
      <c r="D21" s="6"/>
      <c r="E21" s="6"/>
      <c r="F21" s="6"/>
      <c r="G21" s="6"/>
      <c r="H21" s="6"/>
      <c r="I21" s="6"/>
      <c r="J21" s="7"/>
    </row>
    <row r="22" spans="2:10" x14ac:dyDescent="0.3">
      <c r="B22" s="5"/>
      <c r="C22" s="6"/>
      <c r="D22" s="6"/>
      <c r="E22" s="6"/>
      <c r="F22" s="13" t="s">
        <v>13</v>
      </c>
      <c r="G22" s="6"/>
      <c r="H22" s="6"/>
      <c r="I22" s="6"/>
      <c r="J22" s="7"/>
    </row>
    <row r="23" spans="2:10" x14ac:dyDescent="0.3">
      <c r="B23" s="5"/>
      <c r="C23" s="6"/>
      <c r="D23" s="6"/>
      <c r="E23" s="6"/>
      <c r="F23" s="14"/>
      <c r="G23" s="6"/>
      <c r="H23" s="6"/>
      <c r="I23" s="6"/>
      <c r="J23" s="7"/>
    </row>
    <row r="24" spans="2:10" x14ac:dyDescent="0.3">
      <c r="B24" s="5"/>
      <c r="C24" s="6"/>
      <c r="D24" s="332" t="s">
        <v>14</v>
      </c>
      <c r="E24" s="333" t="s">
        <v>15</v>
      </c>
      <c r="F24" s="333"/>
      <c r="G24" s="333"/>
      <c r="H24" s="333"/>
      <c r="I24" s="6"/>
      <c r="J24" s="7"/>
    </row>
    <row r="25" spans="2:10" x14ac:dyDescent="0.3">
      <c r="B25" s="5"/>
      <c r="C25" s="6"/>
      <c r="D25" s="6"/>
      <c r="H25" s="6"/>
      <c r="I25" s="6"/>
      <c r="J25" s="7"/>
    </row>
    <row r="26" spans="2:10" x14ac:dyDescent="0.3">
      <c r="B26" s="5"/>
      <c r="C26" s="6"/>
      <c r="D26" s="332" t="s">
        <v>16</v>
      </c>
      <c r="E26" s="333"/>
      <c r="F26" s="333"/>
      <c r="G26" s="333"/>
      <c r="H26" s="333"/>
      <c r="I26" s="6"/>
      <c r="J26" s="7"/>
    </row>
    <row r="27" spans="2:10" x14ac:dyDescent="0.3">
      <c r="B27" s="5"/>
      <c r="C27" s="6"/>
      <c r="D27" s="15"/>
      <c r="E27" s="15"/>
      <c r="F27" s="15"/>
      <c r="G27" s="15"/>
      <c r="H27" s="15"/>
      <c r="I27" s="6"/>
      <c r="J27" s="7"/>
    </row>
    <row r="28" spans="2:10" x14ac:dyDescent="0.3">
      <c r="B28" s="5"/>
      <c r="C28" s="6"/>
      <c r="D28" s="332" t="s">
        <v>17</v>
      </c>
      <c r="E28" s="333" t="s">
        <v>15</v>
      </c>
      <c r="F28" s="333"/>
      <c r="G28" s="333"/>
      <c r="H28" s="333"/>
      <c r="I28" s="6"/>
      <c r="J28" s="7"/>
    </row>
    <row r="29" spans="2:10" x14ac:dyDescent="0.3">
      <c r="B29" s="5"/>
      <c r="C29" s="6"/>
      <c r="D29" s="15"/>
      <c r="E29" s="15"/>
      <c r="F29" s="15"/>
      <c r="G29" s="15"/>
      <c r="H29" s="15"/>
      <c r="I29" s="6"/>
      <c r="J29" s="7"/>
    </row>
    <row r="30" spans="2:10" x14ac:dyDescent="0.3">
      <c r="B30" s="5"/>
      <c r="C30" s="6"/>
      <c r="D30" s="332" t="s">
        <v>18</v>
      </c>
      <c r="E30" s="333" t="s">
        <v>15</v>
      </c>
      <c r="F30" s="333"/>
      <c r="G30" s="333"/>
      <c r="H30" s="333"/>
      <c r="I30" s="6"/>
      <c r="J30" s="7"/>
    </row>
    <row r="31" spans="2:10" x14ac:dyDescent="0.3">
      <c r="B31" s="5"/>
      <c r="C31" s="6"/>
      <c r="D31" s="15"/>
      <c r="E31" s="15"/>
      <c r="F31" s="15"/>
      <c r="G31" s="15"/>
      <c r="H31" s="15"/>
      <c r="I31" s="6"/>
      <c r="J31" s="7"/>
    </row>
    <row r="32" spans="2:10" x14ac:dyDescent="0.3">
      <c r="B32" s="5"/>
      <c r="C32" s="6"/>
      <c r="D32" s="332" t="s">
        <v>19</v>
      </c>
      <c r="E32" s="333" t="s">
        <v>15</v>
      </c>
      <c r="F32" s="333"/>
      <c r="G32" s="333"/>
      <c r="H32" s="333"/>
      <c r="I32" s="6"/>
      <c r="J32" s="7"/>
    </row>
    <row r="33" spans="2:10" x14ac:dyDescent="0.3">
      <c r="B33" s="5"/>
      <c r="C33" s="6"/>
      <c r="I33" s="6"/>
      <c r="J33" s="7"/>
    </row>
    <row r="34" spans="2:10" x14ac:dyDescent="0.3">
      <c r="B34" s="5"/>
      <c r="C34" s="6"/>
      <c r="D34" s="332" t="s">
        <v>20</v>
      </c>
      <c r="E34" s="333" t="s">
        <v>15</v>
      </c>
      <c r="F34" s="333"/>
      <c r="G34" s="333"/>
      <c r="H34" s="333"/>
      <c r="I34" s="6"/>
      <c r="J34" s="7"/>
    </row>
    <row r="35" spans="2:10" x14ac:dyDescent="0.3">
      <c r="B35" s="5"/>
      <c r="C35" s="6"/>
      <c r="D35" s="6"/>
      <c r="E35" s="6"/>
      <c r="F35" s="6"/>
      <c r="G35" s="6"/>
      <c r="H35" s="6"/>
      <c r="I35" s="6"/>
      <c r="J35" s="7"/>
    </row>
    <row r="36" spans="2:10" x14ac:dyDescent="0.3">
      <c r="B36" s="5"/>
      <c r="C36" s="6"/>
      <c r="D36" s="330" t="s">
        <v>21</v>
      </c>
      <c r="E36" s="331"/>
      <c r="F36" s="331"/>
      <c r="G36" s="331"/>
      <c r="H36" s="331"/>
      <c r="I36" s="6"/>
      <c r="J36" s="7"/>
    </row>
    <row r="37" spans="2:10" x14ac:dyDescent="0.3">
      <c r="B37" s="5"/>
      <c r="C37" s="6"/>
      <c r="D37" s="6"/>
      <c r="E37" s="6"/>
      <c r="F37" s="14"/>
      <c r="G37" s="6"/>
      <c r="H37" s="6"/>
      <c r="I37" s="6"/>
      <c r="J37" s="7"/>
    </row>
    <row r="38" spans="2:10" x14ac:dyDescent="0.3">
      <c r="B38" s="5"/>
      <c r="C38" s="6"/>
      <c r="D38" s="330" t="s">
        <v>1103</v>
      </c>
      <c r="E38" s="331"/>
      <c r="F38" s="331"/>
      <c r="G38" s="331"/>
      <c r="H38" s="331"/>
      <c r="I38" s="6"/>
      <c r="J38" s="7"/>
    </row>
    <row r="39" spans="2:10" x14ac:dyDescent="0.3">
      <c r="B39" s="5"/>
      <c r="C39" s="6"/>
      <c r="I39" s="6"/>
      <c r="J39" s="7"/>
    </row>
    <row r="40" spans="2:10" x14ac:dyDescent="0.3">
      <c r="B40" s="5"/>
      <c r="C40" s="6"/>
      <c r="D40" s="330" t="s">
        <v>1678</v>
      </c>
      <c r="E40" s="331" t="s">
        <v>15</v>
      </c>
      <c r="F40" s="331"/>
      <c r="G40" s="331"/>
      <c r="H40" s="331"/>
      <c r="I40" s="6"/>
      <c r="J40" s="7"/>
    </row>
    <row r="41" spans="2:10" x14ac:dyDescent="0.3">
      <c r="B41" s="5"/>
      <c r="C41" s="6"/>
      <c r="D41" s="6"/>
      <c r="E41" s="15"/>
      <c r="F41" s="15"/>
      <c r="G41" s="15"/>
      <c r="H41" s="15"/>
      <c r="I41" s="6"/>
      <c r="J41" s="7"/>
    </row>
    <row r="42" spans="2:10" x14ac:dyDescent="0.3">
      <c r="B42" s="5"/>
      <c r="C42" s="6"/>
      <c r="D42" s="330" t="s">
        <v>1679</v>
      </c>
      <c r="E42" s="331"/>
      <c r="F42" s="331"/>
      <c r="G42" s="331"/>
      <c r="H42" s="331"/>
      <c r="I42" s="6"/>
      <c r="J42" s="7"/>
    </row>
    <row r="43" spans="2:10" ht="15" thickBot="1" x14ac:dyDescent="0.35">
      <c r="B43" s="16"/>
      <c r="C43" s="17"/>
      <c r="D43" s="17"/>
      <c r="E43" s="17"/>
      <c r="F43" s="17"/>
      <c r="G43" s="17"/>
      <c r="H43" s="17"/>
      <c r="I43" s="17"/>
      <c r="J43" s="18"/>
    </row>
  </sheetData>
  <mergeCells count="11">
    <mergeCell ref="D6:H6"/>
    <mergeCell ref="D42:H42"/>
    <mergeCell ref="D40:H40"/>
    <mergeCell ref="D38:H38"/>
    <mergeCell ref="D36:H36"/>
    <mergeCell ref="D24:H24"/>
    <mergeCell ref="D26:H26"/>
    <mergeCell ref="D28:H28"/>
    <mergeCell ref="D30:H30"/>
    <mergeCell ref="D32:H32"/>
    <mergeCell ref="D34:H34"/>
  </mergeCells>
  <hyperlinks>
    <hyperlink ref="D24:H24" location="'A. HTT General'!A1" display="Tab A: HTT General" xr:uid="{00000000-0004-0000-0100-000000000000}"/>
    <hyperlink ref="D26:H26" location="'B1. HTT Mortgage Assets'!A1" display="Worksheet B1: HTT Mortgage Assets" xr:uid="{00000000-0004-0000-0100-000001000000}"/>
    <hyperlink ref="D28:H28" location="'B2. HTT Public Sector Assets'!A1" display="Worksheet C: HTT Public Sector Assets" xr:uid="{00000000-0004-0000-0100-000002000000}"/>
    <hyperlink ref="D32:H32" location="'C. HTT Harmonised Glossary'!A1" display="Worksheet C: HTT Harmonised Glossary" xr:uid="{00000000-0004-0000-0100-000003000000}"/>
    <hyperlink ref="D30:H30" location="'B3. HTT Shipping Assets'!A1" display="Worksheet B3: HTT Shipping Assets" xr:uid="{00000000-0004-0000-0100-000004000000}"/>
    <hyperlink ref="D34:H34" location="Disclaimer!A1" display="Disclaimer" xr:uid="{00000000-0004-0000-0100-000005000000}"/>
    <hyperlink ref="D40:H40" location="'F1. Sustainable M data'!A1" display="Worksheet F1: Sustainable M data" xr:uid="{B28B1F89-4683-440C-B708-AE2AC963F73E}"/>
    <hyperlink ref="D42:H42" location="'G1. Crisis M Payment Holidays'!A1" display="Worksheet G1. Crisis M Payment Holidays" xr:uid="{EDF0CD92-436A-4084-BE82-72ED56A65AB4}"/>
  </hyperlinks>
  <printOptions horizontalCentered="1" verticalCentered="1"/>
  <pageMargins left="0.70866141732283472" right="0.70866141732283472" top="0.74803149606299213" bottom="0.74803149606299213" header="0.31496062992125984" footer="0.31496062992125984"/>
  <pageSetup paperSize="9" scale="50" orientation="landscape" r:id="rId1"/>
  <headerFooter>
    <oddHeader>&amp;R&amp;G</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tabColor rgb="FF847A75"/>
    <pageSetUpPr fitToPage="1"/>
  </sheetPr>
  <dimension ref="A1:N93"/>
  <sheetViews>
    <sheetView zoomScale="75" zoomScaleNormal="80" workbookViewId="0">
      <selection activeCell="I63" sqref="I63"/>
    </sheetView>
  </sheetViews>
  <sheetFormatPr defaultColWidth="8.88671875" defaultRowHeight="14.4" x14ac:dyDescent="0.3"/>
  <cols>
    <col min="2" max="10" width="28" customWidth="1"/>
  </cols>
  <sheetData>
    <row r="1" spans="1:14" ht="15" thickBot="1" x14ac:dyDescent="0.35">
      <c r="A1" s="19"/>
    </row>
    <row r="2" spans="1:14" x14ac:dyDescent="0.3">
      <c r="B2" s="2"/>
      <c r="C2" s="3"/>
      <c r="D2" s="3"/>
      <c r="E2" s="3"/>
      <c r="F2" s="3"/>
      <c r="G2" s="3"/>
      <c r="H2" s="3"/>
      <c r="I2" s="3"/>
      <c r="J2" s="4"/>
    </row>
    <row r="3" spans="1:14" x14ac:dyDescent="0.3">
      <c r="B3" s="5"/>
      <c r="C3" s="6"/>
      <c r="D3" s="6"/>
      <c r="E3" s="6"/>
      <c r="F3" s="6"/>
      <c r="G3" s="6"/>
      <c r="H3" s="6"/>
      <c r="I3" s="6"/>
      <c r="J3" s="7"/>
    </row>
    <row r="4" spans="1:14" x14ac:dyDescent="0.3">
      <c r="B4" s="5"/>
      <c r="C4" s="6"/>
      <c r="D4" s="6"/>
      <c r="E4" s="6"/>
      <c r="F4" s="6"/>
      <c r="G4" s="6"/>
      <c r="H4" s="6"/>
      <c r="I4" s="6"/>
      <c r="J4" s="7"/>
    </row>
    <row r="5" spans="1:14" ht="31.2" x14ac:dyDescent="0.3">
      <c r="B5" s="5"/>
      <c r="C5" s="6"/>
      <c r="D5" s="6"/>
      <c r="E5" s="9"/>
      <c r="F5" s="9" t="s">
        <v>22</v>
      </c>
      <c r="G5" s="9"/>
      <c r="I5" s="9"/>
      <c r="J5" s="7"/>
    </row>
    <row r="6" spans="1:14" x14ac:dyDescent="0.3">
      <c r="B6" s="5"/>
      <c r="C6" s="6"/>
      <c r="D6" s="6"/>
      <c r="E6" s="10"/>
      <c r="F6" s="10"/>
      <c r="G6" s="10"/>
      <c r="I6" s="10"/>
      <c r="J6" s="7"/>
    </row>
    <row r="7" spans="1:14" ht="25.8" x14ac:dyDescent="0.3">
      <c r="B7" s="5"/>
      <c r="C7" s="6"/>
      <c r="D7" s="6"/>
      <c r="E7" s="11"/>
      <c r="F7" s="11" t="s">
        <v>23</v>
      </c>
      <c r="G7" s="11"/>
      <c r="I7" s="11"/>
      <c r="J7" s="7"/>
    </row>
    <row r="8" spans="1:14" ht="25.8" x14ac:dyDescent="0.3">
      <c r="B8" s="5"/>
      <c r="C8" s="6"/>
      <c r="D8" s="6"/>
      <c r="E8" s="6"/>
      <c r="F8" s="11"/>
      <c r="G8" s="11"/>
      <c r="H8" s="11"/>
      <c r="I8" s="11"/>
      <c r="J8" s="7"/>
    </row>
    <row r="9" spans="1:14" x14ac:dyDescent="0.3">
      <c r="B9" s="5"/>
      <c r="C9" t="s">
        <v>1158</v>
      </c>
      <c r="D9" s="6"/>
      <c r="E9" s="6"/>
      <c r="F9" s="6"/>
      <c r="G9" s="6"/>
      <c r="H9" s="6"/>
      <c r="I9" s="6"/>
      <c r="J9" s="7"/>
      <c r="N9" s="6"/>
    </row>
    <row r="10" spans="1:14" x14ac:dyDescent="0.3">
      <c r="B10" s="5"/>
      <c r="C10" t="s">
        <v>1159</v>
      </c>
      <c r="F10" s="6"/>
      <c r="G10" s="6"/>
      <c r="H10" s="6"/>
      <c r="I10" s="6"/>
      <c r="J10" s="7"/>
      <c r="N10" s="6"/>
    </row>
    <row r="11" spans="1:14" x14ac:dyDescent="0.3">
      <c r="B11" s="5"/>
      <c r="C11" t="s">
        <v>1160</v>
      </c>
      <c r="D11" s="6"/>
      <c r="E11" s="6"/>
      <c r="F11" s="6"/>
      <c r="G11" s="6"/>
      <c r="H11" s="6"/>
      <c r="I11" s="6"/>
      <c r="J11" s="7"/>
    </row>
    <row r="12" spans="1:14" x14ac:dyDescent="0.3">
      <c r="B12" s="5"/>
      <c r="D12" t="s">
        <v>1161</v>
      </c>
      <c r="E12" s="6"/>
      <c r="F12" s="6"/>
      <c r="G12" s="6"/>
      <c r="H12" s="6"/>
      <c r="I12" s="6"/>
      <c r="J12" s="7"/>
    </row>
    <row r="13" spans="1:14" x14ac:dyDescent="0.3">
      <c r="B13" s="5"/>
      <c r="D13" t="s">
        <v>1162</v>
      </c>
      <c r="E13" s="6"/>
      <c r="F13" s="6"/>
      <c r="G13" s="6"/>
      <c r="H13" s="6"/>
      <c r="I13" s="6"/>
      <c r="J13" s="7"/>
    </row>
    <row r="14" spans="1:14" x14ac:dyDescent="0.3">
      <c r="B14" s="5"/>
      <c r="D14" t="s">
        <v>24</v>
      </c>
      <c r="E14" s="6"/>
      <c r="F14" s="6"/>
      <c r="G14" s="6"/>
      <c r="H14" s="6"/>
      <c r="I14" s="6"/>
      <c r="J14" s="7"/>
    </row>
    <row r="15" spans="1:14" x14ac:dyDescent="0.3">
      <c r="B15" s="5"/>
      <c r="D15" t="s">
        <v>25</v>
      </c>
      <c r="E15" s="6"/>
      <c r="F15" s="6"/>
      <c r="G15" s="6"/>
      <c r="H15" s="6"/>
      <c r="I15" s="6"/>
      <c r="J15" s="7"/>
    </row>
    <row r="16" spans="1:14" x14ac:dyDescent="0.3">
      <c r="B16" s="20"/>
      <c r="D16" t="s">
        <v>26</v>
      </c>
      <c r="E16" s="6"/>
      <c r="J16" s="21"/>
    </row>
    <row r="17" spans="2:14" x14ac:dyDescent="0.3">
      <c r="B17" s="20"/>
      <c r="D17" t="s">
        <v>1693</v>
      </c>
      <c r="E17" s="6"/>
      <c r="J17" s="21"/>
    </row>
    <row r="18" spans="2:14" x14ac:dyDescent="0.3">
      <c r="B18" s="5"/>
      <c r="C18" t="s">
        <v>1163</v>
      </c>
      <c r="F18" s="14"/>
      <c r="G18" s="14"/>
      <c r="H18" s="14"/>
      <c r="I18" s="14"/>
      <c r="J18" s="7"/>
    </row>
    <row r="19" spans="2:14" x14ac:dyDescent="0.3">
      <c r="B19" s="5"/>
      <c r="C19" t="s">
        <v>1164</v>
      </c>
      <c r="E19" s="6"/>
      <c r="F19" s="14"/>
      <c r="G19" s="14"/>
      <c r="H19" s="14"/>
      <c r="I19" s="14"/>
      <c r="J19" s="7"/>
    </row>
    <row r="20" spans="2:14" x14ac:dyDescent="0.3">
      <c r="B20" s="5"/>
      <c r="C20" t="s">
        <v>1165</v>
      </c>
      <c r="E20" s="6"/>
      <c r="F20" s="14"/>
      <c r="G20" s="14"/>
      <c r="H20" s="14"/>
      <c r="I20" s="14"/>
      <c r="J20" s="7"/>
    </row>
    <row r="21" spans="2:14" x14ac:dyDescent="0.3">
      <c r="B21" s="5"/>
      <c r="D21" t="s">
        <v>27</v>
      </c>
      <c r="E21" s="6"/>
      <c r="F21" s="13"/>
      <c r="G21" s="13"/>
      <c r="H21" s="13"/>
      <c r="I21" s="13"/>
      <c r="J21" s="7"/>
      <c r="N21" s="6"/>
    </row>
    <row r="22" spans="2:14" x14ac:dyDescent="0.3">
      <c r="B22" s="5"/>
      <c r="D22" t="s">
        <v>28</v>
      </c>
      <c r="E22" s="6"/>
      <c r="F22" s="13"/>
      <c r="G22" s="13"/>
      <c r="H22" s="13"/>
      <c r="I22" s="13"/>
      <c r="J22" s="7"/>
    </row>
    <row r="23" spans="2:14" x14ac:dyDescent="0.3">
      <c r="B23" s="5"/>
      <c r="C23" t="s">
        <v>1166</v>
      </c>
      <c r="D23" s="6"/>
      <c r="E23" s="6"/>
      <c r="F23" s="13"/>
      <c r="G23" s="13"/>
      <c r="H23" s="13"/>
      <c r="I23" s="13"/>
      <c r="J23" s="7"/>
    </row>
    <row r="24" spans="2:14" x14ac:dyDescent="0.3">
      <c r="B24" s="5"/>
      <c r="D24" t="s">
        <v>29</v>
      </c>
      <c r="F24" s="13"/>
      <c r="G24" s="13"/>
      <c r="H24" s="13"/>
      <c r="I24" s="13"/>
      <c r="J24" s="7"/>
    </row>
    <row r="25" spans="2:14" x14ac:dyDescent="0.3">
      <c r="B25" s="5"/>
      <c r="C25" t="s">
        <v>1167</v>
      </c>
      <c r="F25" s="13"/>
      <c r="G25" s="13"/>
      <c r="H25" s="13"/>
      <c r="I25" s="13"/>
      <c r="J25" s="7"/>
    </row>
    <row r="26" spans="2:14" ht="15" customHeight="1" x14ac:dyDescent="0.3">
      <c r="B26" s="5"/>
      <c r="C26" s="334" t="s">
        <v>1169</v>
      </c>
      <c r="D26" s="334"/>
      <c r="E26" s="334"/>
      <c r="F26" s="334"/>
      <c r="G26" s="334"/>
      <c r="H26" s="334"/>
      <c r="I26" s="13"/>
      <c r="J26" s="7"/>
    </row>
    <row r="27" spans="2:14" x14ac:dyDescent="0.3">
      <c r="B27" s="5"/>
      <c r="C27" s="334"/>
      <c r="D27" s="334"/>
      <c r="E27" s="334"/>
      <c r="F27" s="334"/>
      <c r="G27" s="334"/>
      <c r="H27" s="334"/>
      <c r="I27" s="13"/>
      <c r="J27" s="7"/>
    </row>
    <row r="28" spans="2:14" x14ac:dyDescent="0.3">
      <c r="B28" s="5"/>
      <c r="C28" s="334" t="s">
        <v>1168</v>
      </c>
      <c r="D28" s="334"/>
      <c r="E28" s="334"/>
      <c r="F28" s="334"/>
      <c r="G28" s="334"/>
      <c r="H28" s="334"/>
      <c r="I28" s="13"/>
      <c r="J28" s="7"/>
    </row>
    <row r="29" spans="2:14" x14ac:dyDescent="0.3">
      <c r="B29" s="5"/>
      <c r="C29" s="334"/>
      <c r="D29" s="334"/>
      <c r="E29" s="334"/>
      <c r="F29" s="334"/>
      <c r="G29" s="334"/>
      <c r="H29" s="334"/>
      <c r="I29" s="13"/>
      <c r="J29" s="7"/>
    </row>
    <row r="30" spans="2:14" x14ac:dyDescent="0.3">
      <c r="B30" s="5"/>
      <c r="C30" s="334" t="s">
        <v>1170</v>
      </c>
      <c r="D30" s="334"/>
      <c r="E30" s="334"/>
      <c r="F30" s="334"/>
      <c r="G30" s="334"/>
      <c r="H30" s="334"/>
      <c r="I30" s="13"/>
      <c r="J30" s="7"/>
    </row>
    <row r="31" spans="2:14" x14ac:dyDescent="0.3">
      <c r="B31" s="5"/>
      <c r="C31" s="334"/>
      <c r="D31" s="334"/>
      <c r="E31" s="334"/>
      <c r="F31" s="334"/>
      <c r="G31" s="334"/>
      <c r="H31" s="334"/>
      <c r="I31" s="13"/>
      <c r="J31" s="7"/>
    </row>
    <row r="32" spans="2:14" x14ac:dyDescent="0.3">
      <c r="B32" s="5"/>
      <c r="C32" s="172" t="s">
        <v>1694</v>
      </c>
      <c r="D32" s="170"/>
      <c r="E32" s="170"/>
      <c r="F32" s="170"/>
      <c r="G32" s="170"/>
      <c r="H32" s="170"/>
      <c r="I32" s="13"/>
      <c r="J32" s="7"/>
    </row>
    <row r="33" spans="2:10" x14ac:dyDescent="0.3">
      <c r="B33" s="5"/>
      <c r="C33" t="s">
        <v>1703</v>
      </c>
      <c r="F33" s="13"/>
      <c r="G33" s="13"/>
      <c r="H33" s="13"/>
      <c r="I33" s="13"/>
      <c r="J33" s="7"/>
    </row>
    <row r="34" spans="2:10" x14ac:dyDescent="0.3">
      <c r="B34" s="5"/>
      <c r="D34" t="s">
        <v>1171</v>
      </c>
      <c r="F34" s="13"/>
      <c r="G34" s="13"/>
      <c r="H34" s="13"/>
      <c r="I34" s="13"/>
      <c r="J34" s="7"/>
    </row>
    <row r="35" spans="2:10" x14ac:dyDescent="0.3">
      <c r="B35" s="5"/>
      <c r="D35" t="s">
        <v>1172</v>
      </c>
      <c r="F35" s="13"/>
      <c r="G35" s="13"/>
      <c r="H35" s="13"/>
      <c r="I35" s="13"/>
      <c r="J35" s="7"/>
    </row>
    <row r="36" spans="2:10" x14ac:dyDescent="0.3">
      <c r="B36" s="5"/>
      <c r="D36" t="s">
        <v>1173</v>
      </c>
      <c r="F36" s="13"/>
      <c r="G36" s="13"/>
      <c r="H36" s="13"/>
      <c r="I36" s="13"/>
      <c r="J36" s="7"/>
    </row>
    <row r="37" spans="2:10" x14ac:dyDescent="0.3">
      <c r="B37" s="5"/>
      <c r="F37" s="13"/>
      <c r="G37" s="13"/>
      <c r="H37" s="13"/>
      <c r="I37" s="13"/>
      <c r="J37" s="7"/>
    </row>
    <row r="38" spans="2:10" x14ac:dyDescent="0.3">
      <c r="B38" s="5"/>
      <c r="F38" s="13"/>
      <c r="G38" s="13"/>
      <c r="H38" s="13"/>
      <c r="I38" s="13"/>
      <c r="J38" s="7"/>
    </row>
    <row r="39" spans="2:10" x14ac:dyDescent="0.3">
      <c r="B39" s="5"/>
      <c r="F39" s="13"/>
      <c r="G39" s="13"/>
      <c r="H39" s="13"/>
      <c r="I39" s="13"/>
      <c r="J39" s="7"/>
    </row>
    <row r="40" spans="2:10" x14ac:dyDescent="0.3">
      <c r="B40" s="5"/>
      <c r="F40" s="13"/>
      <c r="G40" s="13"/>
      <c r="H40" s="13"/>
      <c r="I40" s="13"/>
      <c r="J40" s="7"/>
    </row>
    <row r="41" spans="2:10" ht="15" thickBot="1" x14ac:dyDescent="0.35">
      <c r="B41" s="16"/>
      <c r="C41" s="22"/>
      <c r="D41" s="22"/>
      <c r="E41" s="17"/>
      <c r="F41" s="17"/>
      <c r="G41" s="17"/>
      <c r="H41" s="17"/>
      <c r="I41" s="17"/>
      <c r="J41" s="18"/>
    </row>
    <row r="42" spans="2:10" ht="15" thickBot="1" x14ac:dyDescent="0.35"/>
    <row r="43" spans="2:10" x14ac:dyDescent="0.3">
      <c r="B43" s="2"/>
      <c r="C43" s="3"/>
      <c r="D43" s="3"/>
      <c r="E43" s="3"/>
      <c r="F43" s="3"/>
      <c r="G43" s="3"/>
      <c r="H43" s="3"/>
      <c r="I43" s="3"/>
      <c r="J43" s="4"/>
    </row>
    <row r="44" spans="2:10" x14ac:dyDescent="0.3">
      <c r="B44" s="5"/>
      <c r="C44" s="6"/>
      <c r="D44" s="6"/>
      <c r="E44" s="6"/>
      <c r="F44" s="6"/>
      <c r="G44" s="6"/>
      <c r="H44" s="6"/>
      <c r="I44" s="6"/>
      <c r="J44" s="7"/>
    </row>
    <row r="45" spans="2:10" x14ac:dyDescent="0.3">
      <c r="B45" s="5"/>
      <c r="C45" s="6"/>
      <c r="D45" s="6"/>
      <c r="E45" s="6"/>
      <c r="F45" s="6"/>
      <c r="G45" s="6"/>
      <c r="H45" s="6"/>
      <c r="I45" s="6"/>
      <c r="J45" s="7"/>
    </row>
    <row r="46" spans="2:10" x14ac:dyDescent="0.3">
      <c r="B46" s="5"/>
      <c r="C46" s="6"/>
      <c r="D46" s="6"/>
      <c r="E46" s="6"/>
      <c r="F46" s="6"/>
      <c r="G46" s="6"/>
      <c r="H46" s="6"/>
      <c r="I46" s="6"/>
      <c r="J46" s="7"/>
    </row>
    <row r="47" spans="2:10" x14ac:dyDescent="0.3">
      <c r="B47" s="5"/>
      <c r="C47" s="23" t="s">
        <v>30</v>
      </c>
      <c r="D47" s="6"/>
      <c r="E47" s="6"/>
      <c r="F47" s="24"/>
      <c r="G47" s="6"/>
      <c r="H47" s="6"/>
      <c r="I47" s="6"/>
      <c r="J47" s="7"/>
    </row>
    <row r="48" spans="2:10" x14ac:dyDescent="0.3">
      <c r="B48" s="5"/>
      <c r="C48" s="6"/>
      <c r="D48" s="6"/>
      <c r="E48" s="6"/>
      <c r="G48" s="6"/>
      <c r="H48" s="6"/>
      <c r="I48" s="6"/>
      <c r="J48" s="7"/>
    </row>
    <row r="49" spans="2:10" x14ac:dyDescent="0.3">
      <c r="B49" s="5"/>
      <c r="C49" s="6" t="s">
        <v>31</v>
      </c>
      <c r="D49" s="6"/>
      <c r="E49" s="6"/>
      <c r="F49" s="10"/>
      <c r="G49" s="6" t="s">
        <v>32</v>
      </c>
      <c r="H49" s="10"/>
      <c r="I49" s="10"/>
      <c r="J49" s="7"/>
    </row>
    <row r="50" spans="2:10" x14ac:dyDescent="0.3">
      <c r="B50" s="5"/>
      <c r="C50" s="6" t="s">
        <v>33</v>
      </c>
      <c r="D50" s="6"/>
      <c r="E50" s="6"/>
      <c r="F50" s="10"/>
      <c r="G50" s="6" t="s">
        <v>34</v>
      </c>
      <c r="H50" s="10"/>
      <c r="I50" s="10"/>
      <c r="J50" s="7"/>
    </row>
    <row r="51" spans="2:10" x14ac:dyDescent="0.3">
      <c r="B51" s="5"/>
      <c r="C51" s="6">
        <v>3</v>
      </c>
      <c r="D51" s="6"/>
      <c r="E51" s="6"/>
      <c r="F51" s="10"/>
      <c r="G51" s="6" t="s">
        <v>35</v>
      </c>
      <c r="H51" s="10"/>
      <c r="I51" s="10"/>
      <c r="J51" s="7"/>
    </row>
    <row r="52" spans="2:10" ht="25.8" x14ac:dyDescent="0.3">
      <c r="B52" s="5"/>
      <c r="C52" s="6"/>
      <c r="D52" s="6"/>
      <c r="E52" s="6"/>
      <c r="F52" s="11"/>
      <c r="G52" s="11"/>
      <c r="H52" s="11"/>
      <c r="I52" s="11"/>
      <c r="J52" s="7"/>
    </row>
    <row r="53" spans="2:10" x14ac:dyDescent="0.3">
      <c r="B53" s="5"/>
      <c r="D53" s="6"/>
      <c r="E53" s="6"/>
      <c r="F53" s="6"/>
      <c r="G53" s="6"/>
      <c r="H53" s="6"/>
      <c r="I53" s="6"/>
      <c r="J53" s="7"/>
    </row>
    <row r="54" spans="2:10" x14ac:dyDescent="0.3">
      <c r="B54" s="5"/>
      <c r="D54" s="6"/>
      <c r="E54" s="6"/>
      <c r="F54" s="6"/>
      <c r="G54" s="6"/>
      <c r="H54" s="6"/>
      <c r="I54" s="6"/>
      <c r="J54" s="7"/>
    </row>
    <row r="55" spans="2:10" x14ac:dyDescent="0.3">
      <c r="B55" s="5"/>
      <c r="E55" s="6"/>
      <c r="F55" s="24"/>
      <c r="G55" s="6"/>
      <c r="H55" s="6"/>
      <c r="I55" s="6"/>
      <c r="J55" s="7"/>
    </row>
    <row r="56" spans="2:10" x14ac:dyDescent="0.3">
      <c r="B56" s="5"/>
      <c r="E56" s="6"/>
      <c r="F56" s="6"/>
      <c r="G56" s="6"/>
      <c r="H56" s="6"/>
      <c r="I56" s="6"/>
      <c r="J56" s="7"/>
    </row>
    <row r="57" spans="2:10" x14ac:dyDescent="0.3">
      <c r="B57" s="5"/>
      <c r="E57" s="6"/>
      <c r="F57" s="6"/>
      <c r="G57" s="6"/>
      <c r="H57" s="6"/>
      <c r="I57" s="6"/>
      <c r="J57" s="7"/>
    </row>
    <row r="58" spans="2:10" x14ac:dyDescent="0.3">
      <c r="B58" s="5"/>
      <c r="E58" s="6"/>
      <c r="F58" s="6"/>
      <c r="G58" s="6"/>
      <c r="H58" s="6"/>
      <c r="I58" s="6"/>
      <c r="J58" s="7"/>
    </row>
    <row r="59" spans="2:10" x14ac:dyDescent="0.3">
      <c r="B59" s="5"/>
      <c r="E59" s="6"/>
      <c r="F59" s="6"/>
      <c r="G59" s="6"/>
      <c r="H59" s="6"/>
      <c r="I59" s="6"/>
      <c r="J59" s="7"/>
    </row>
    <row r="60" spans="2:10" x14ac:dyDescent="0.3">
      <c r="B60" s="20"/>
      <c r="J60" s="21"/>
    </row>
    <row r="61" spans="2:10" x14ac:dyDescent="0.3">
      <c r="B61" s="5"/>
      <c r="D61" s="6"/>
      <c r="E61" s="6"/>
      <c r="F61" s="6"/>
      <c r="G61" s="6"/>
      <c r="H61" s="6"/>
      <c r="I61" s="6"/>
      <c r="J61" s="7"/>
    </row>
    <row r="62" spans="2:10" x14ac:dyDescent="0.3">
      <c r="B62" s="5"/>
      <c r="E62" s="6"/>
      <c r="F62" s="14"/>
      <c r="G62" s="14"/>
      <c r="H62" s="14"/>
      <c r="I62" s="14"/>
      <c r="J62" s="7"/>
    </row>
    <row r="63" spans="2:10" x14ac:dyDescent="0.3">
      <c r="B63" s="5"/>
      <c r="E63" s="6"/>
      <c r="F63" s="14"/>
      <c r="G63" s="14"/>
      <c r="H63" s="14"/>
      <c r="I63" s="14"/>
      <c r="J63" s="7"/>
    </row>
    <row r="64" spans="2:10" x14ac:dyDescent="0.3">
      <c r="B64" s="5"/>
      <c r="D64" s="6"/>
      <c r="E64" s="6"/>
      <c r="F64" s="13"/>
      <c r="G64" s="13"/>
      <c r="H64" s="13"/>
      <c r="I64" s="13"/>
      <c r="J64" s="7"/>
    </row>
    <row r="65" spans="2:10" x14ac:dyDescent="0.3">
      <c r="B65" s="5"/>
      <c r="D65" s="6"/>
      <c r="E65" s="6"/>
      <c r="F65" s="13"/>
      <c r="G65" s="13"/>
      <c r="H65" s="13"/>
      <c r="I65" s="13"/>
      <c r="J65" s="7"/>
    </row>
    <row r="66" spans="2:10" x14ac:dyDescent="0.3">
      <c r="B66" s="5"/>
      <c r="D66" s="6"/>
      <c r="E66" s="6"/>
      <c r="F66" s="13"/>
      <c r="G66" s="13"/>
      <c r="H66" s="13"/>
      <c r="I66" s="13"/>
      <c r="J66" s="7"/>
    </row>
    <row r="67" spans="2:10" x14ac:dyDescent="0.3">
      <c r="B67" s="5"/>
      <c r="D67" s="6"/>
      <c r="E67" s="6"/>
      <c r="F67" s="13"/>
      <c r="G67" s="13"/>
      <c r="H67" s="13"/>
      <c r="I67" s="13"/>
      <c r="J67" s="7"/>
    </row>
    <row r="68" spans="2:10" x14ac:dyDescent="0.3">
      <c r="B68" s="5"/>
      <c r="D68" s="6"/>
      <c r="E68" s="6"/>
      <c r="F68" s="13"/>
      <c r="G68" s="13"/>
      <c r="H68" s="13"/>
      <c r="I68" s="13"/>
      <c r="J68" s="7"/>
    </row>
    <row r="69" spans="2:10" x14ac:dyDescent="0.3">
      <c r="B69" s="5"/>
      <c r="D69" s="6"/>
      <c r="E69" s="6"/>
      <c r="F69" s="13"/>
      <c r="G69" s="13"/>
      <c r="H69" s="13"/>
      <c r="I69" s="13"/>
      <c r="J69" s="7"/>
    </row>
    <row r="70" spans="2:10" x14ac:dyDescent="0.3">
      <c r="B70" s="5"/>
      <c r="D70" s="6"/>
      <c r="E70" s="6"/>
      <c r="F70" s="13"/>
      <c r="G70" s="13"/>
      <c r="H70" s="13"/>
      <c r="I70" s="13"/>
      <c r="J70" s="7"/>
    </row>
    <row r="71" spans="2:10" x14ac:dyDescent="0.3">
      <c r="B71" s="5"/>
      <c r="E71" s="6"/>
      <c r="F71" s="13"/>
      <c r="G71" s="13"/>
      <c r="H71" s="13"/>
      <c r="I71" s="13"/>
      <c r="J71" s="7"/>
    </row>
    <row r="72" spans="2:10" ht="15" thickBot="1" x14ac:dyDescent="0.35">
      <c r="B72" s="16"/>
      <c r="C72" s="22"/>
      <c r="D72" s="22"/>
      <c r="E72" s="22"/>
      <c r="F72" s="25"/>
      <c r="G72" s="25"/>
      <c r="H72" s="25"/>
      <c r="I72" s="25"/>
      <c r="J72" s="18"/>
    </row>
    <row r="73" spans="2:10" ht="15" thickBot="1" x14ac:dyDescent="0.35"/>
    <row r="74" spans="2:10" x14ac:dyDescent="0.3">
      <c r="B74" s="149"/>
      <c r="C74" s="150"/>
      <c r="D74" s="150"/>
      <c r="E74" s="150"/>
      <c r="F74" s="150"/>
      <c r="G74" s="150"/>
      <c r="H74" s="150"/>
      <c r="I74" s="150"/>
      <c r="J74" s="151"/>
    </row>
    <row r="75" spans="2:10" ht="18" x14ac:dyDescent="0.35">
      <c r="B75" s="20"/>
      <c r="C75" s="154" t="s">
        <v>1728</v>
      </c>
      <c r="J75" s="21"/>
    </row>
    <row r="76" spans="2:10" ht="18" x14ac:dyDescent="0.35">
      <c r="B76" s="20"/>
      <c r="C76" s="336" t="s">
        <v>1729</v>
      </c>
      <c r="D76" s="336"/>
      <c r="E76" s="336"/>
      <c r="F76" s="336"/>
      <c r="G76" s="336"/>
      <c r="H76" s="336"/>
      <c r="I76" s="336"/>
      <c r="J76" s="21"/>
    </row>
    <row r="77" spans="2:10" x14ac:dyDescent="0.3">
      <c r="B77" s="20"/>
      <c r="J77" s="21"/>
    </row>
    <row r="78" spans="2:10" x14ac:dyDescent="0.3">
      <c r="B78" s="20"/>
      <c r="C78" s="155" t="s">
        <v>1713</v>
      </c>
      <c r="J78" s="21"/>
    </row>
    <row r="79" spans="2:10" x14ac:dyDescent="0.3">
      <c r="B79" s="20"/>
      <c r="C79" s="155" t="s">
        <v>1730</v>
      </c>
      <c r="J79" s="21"/>
    </row>
    <row r="80" spans="2:10" x14ac:dyDescent="0.3">
      <c r="B80" s="20"/>
      <c r="C80" s="155" t="s">
        <v>1731</v>
      </c>
      <c r="J80" s="21"/>
    </row>
    <row r="81" spans="2:10" x14ac:dyDescent="0.3">
      <c r="B81" s="20"/>
      <c r="C81" s="155" t="s">
        <v>1732</v>
      </c>
      <c r="J81" s="21"/>
    </row>
    <row r="82" spans="2:10" x14ac:dyDescent="0.3">
      <c r="B82" s="20"/>
      <c r="C82" s="335" t="s">
        <v>1733</v>
      </c>
      <c r="D82" s="335"/>
      <c r="E82" s="335"/>
      <c r="F82" s="335"/>
      <c r="G82" s="335"/>
      <c r="H82" s="335"/>
      <c r="I82" s="335"/>
      <c r="J82" s="21"/>
    </row>
    <row r="83" spans="2:10" x14ac:dyDescent="0.3">
      <c r="B83" s="20"/>
      <c r="C83" s="335" t="s">
        <v>1734</v>
      </c>
      <c r="D83" s="335"/>
      <c r="E83" s="335"/>
      <c r="F83" s="335"/>
      <c r="G83" s="335"/>
      <c r="H83" s="335"/>
      <c r="I83" s="335"/>
      <c r="J83" s="21"/>
    </row>
    <row r="84" spans="2:10" x14ac:dyDescent="0.3">
      <c r="B84" s="20"/>
      <c r="C84" s="155" t="s">
        <v>1735</v>
      </c>
      <c r="J84" s="21"/>
    </row>
    <row r="85" spans="2:10" x14ac:dyDescent="0.3">
      <c r="B85" s="20"/>
      <c r="C85" s="155" t="s">
        <v>1736</v>
      </c>
      <c r="J85" s="21"/>
    </row>
    <row r="86" spans="2:10" x14ac:dyDescent="0.3">
      <c r="B86" s="20"/>
      <c r="C86" s="155" t="s">
        <v>1737</v>
      </c>
      <c r="J86" s="21"/>
    </row>
    <row r="87" spans="2:10" x14ac:dyDescent="0.3">
      <c r="B87" s="20"/>
      <c r="C87" s="155" t="s">
        <v>1738</v>
      </c>
      <c r="J87" s="21"/>
    </row>
    <row r="88" spans="2:10" x14ac:dyDescent="0.3">
      <c r="B88" s="20"/>
      <c r="C88" s="155" t="s">
        <v>1742</v>
      </c>
      <c r="J88" s="21"/>
    </row>
    <row r="89" spans="2:10" x14ac:dyDescent="0.3">
      <c r="B89" s="20"/>
      <c r="C89" s="155" t="s">
        <v>1739</v>
      </c>
      <c r="J89" s="21"/>
    </row>
    <row r="90" spans="2:10" x14ac:dyDescent="0.3">
      <c r="B90" s="20"/>
      <c r="C90" s="155" t="s">
        <v>1740</v>
      </c>
      <c r="J90" s="21"/>
    </row>
    <row r="91" spans="2:10" x14ac:dyDescent="0.3">
      <c r="B91" s="20"/>
      <c r="C91" s="155" t="s">
        <v>1741</v>
      </c>
      <c r="J91" s="21"/>
    </row>
    <row r="92" spans="2:10" x14ac:dyDescent="0.3">
      <c r="B92" s="20"/>
      <c r="C92" s="155"/>
      <c r="J92" s="21"/>
    </row>
    <row r="93" spans="2:10" ht="15" thickBot="1" x14ac:dyDescent="0.35">
      <c r="B93" s="152"/>
      <c r="C93" s="22"/>
      <c r="D93" s="22"/>
      <c r="E93" s="22"/>
      <c r="F93" s="22"/>
      <c r="G93" s="22"/>
      <c r="H93" s="22"/>
      <c r="I93" s="22"/>
      <c r="J93" s="153"/>
    </row>
  </sheetData>
  <mergeCells count="6">
    <mergeCell ref="C26:H27"/>
    <mergeCell ref="C28:H29"/>
    <mergeCell ref="C30:H31"/>
    <mergeCell ref="C83:I83"/>
    <mergeCell ref="C82:I82"/>
    <mergeCell ref="C76:I76"/>
  </mergeCells>
  <phoneticPr fontId="46" type="noConversion"/>
  <printOptions horizontalCentered="1" verticalCentered="1"/>
  <pageMargins left="0.70866141732283472" right="0.70866141732283472" top="0.74803149606299213" bottom="0.74803149606299213" header="0.31496062992125984" footer="0.31496062992125984"/>
  <pageSetup paperSize="9" scale="52" orientation="landscape" r:id="rId1"/>
  <headerFooter>
    <oddHeader>&amp;R&amp;G</oddHeader>
  </headerFooter>
  <drawing r:id="rId2"/>
  <legacyDrawingHF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tabColor rgb="FF847A75"/>
  </sheetPr>
  <dimension ref="A1:AE36"/>
  <sheetViews>
    <sheetView zoomScale="78" zoomScaleNormal="130" workbookViewId="0">
      <selection activeCell="C19" activeCellId="1" sqref="C36 C19"/>
    </sheetView>
  </sheetViews>
  <sheetFormatPr defaultRowHeight="14.4" x14ac:dyDescent="0.3"/>
  <cols>
    <col min="1" max="1" width="4.6640625" style="46" customWidth="1"/>
    <col min="2" max="2" width="16.88671875" style="29" bestFit="1" customWidth="1"/>
    <col min="3" max="3" width="162.44140625" style="30" customWidth="1"/>
    <col min="4" max="31" width="9.109375" style="26" customWidth="1"/>
    <col min="247" max="247" width="4.6640625" customWidth="1"/>
    <col min="248" max="248" width="16.88671875" bestFit="1" customWidth="1"/>
    <col min="249" max="249" width="127.5546875" customWidth="1"/>
    <col min="250" max="250" width="46.6640625" customWidth="1"/>
    <col min="251" max="287" width="9.109375" customWidth="1"/>
    <col min="503" max="503" width="4.6640625" customWidth="1"/>
    <col min="504" max="504" width="16.88671875" bestFit="1" customWidth="1"/>
    <col min="505" max="505" width="127.5546875" customWidth="1"/>
    <col min="506" max="506" width="46.6640625" customWidth="1"/>
    <col min="507" max="543" width="9.109375" customWidth="1"/>
    <col min="759" max="759" width="4.6640625" customWidth="1"/>
    <col min="760" max="760" width="16.88671875" bestFit="1" customWidth="1"/>
    <col min="761" max="761" width="127.5546875" customWidth="1"/>
    <col min="762" max="762" width="46.6640625" customWidth="1"/>
    <col min="763" max="799" width="9.109375" customWidth="1"/>
    <col min="1015" max="1015" width="4.6640625" customWidth="1"/>
    <col min="1016" max="1016" width="16.88671875" bestFit="1" customWidth="1"/>
    <col min="1017" max="1017" width="127.5546875" customWidth="1"/>
    <col min="1018" max="1018" width="46.6640625" customWidth="1"/>
    <col min="1019" max="1055" width="9.109375" customWidth="1"/>
    <col min="1271" max="1271" width="4.6640625" customWidth="1"/>
    <col min="1272" max="1272" width="16.88671875" bestFit="1" customWidth="1"/>
    <col min="1273" max="1273" width="127.5546875" customWidth="1"/>
    <col min="1274" max="1274" width="46.6640625" customWidth="1"/>
    <col min="1275" max="1311" width="9.109375" customWidth="1"/>
    <col min="1527" max="1527" width="4.6640625" customWidth="1"/>
    <col min="1528" max="1528" width="16.88671875" bestFit="1" customWidth="1"/>
    <col min="1529" max="1529" width="127.5546875" customWidth="1"/>
    <col min="1530" max="1530" width="46.6640625" customWidth="1"/>
    <col min="1531" max="1567" width="9.109375" customWidth="1"/>
    <col min="1783" max="1783" width="4.6640625" customWidth="1"/>
    <col min="1784" max="1784" width="16.88671875" bestFit="1" customWidth="1"/>
    <col min="1785" max="1785" width="127.5546875" customWidth="1"/>
    <col min="1786" max="1786" width="46.6640625" customWidth="1"/>
    <col min="1787" max="1823" width="9.109375" customWidth="1"/>
    <col min="2039" max="2039" width="4.6640625" customWidth="1"/>
    <col min="2040" max="2040" width="16.88671875" bestFit="1" customWidth="1"/>
    <col min="2041" max="2041" width="127.5546875" customWidth="1"/>
    <col min="2042" max="2042" width="46.6640625" customWidth="1"/>
    <col min="2043" max="2079" width="9.109375" customWidth="1"/>
    <col min="2295" max="2295" width="4.6640625" customWidth="1"/>
    <col min="2296" max="2296" width="16.88671875" bestFit="1" customWidth="1"/>
    <col min="2297" max="2297" width="127.5546875" customWidth="1"/>
    <col min="2298" max="2298" width="46.6640625" customWidth="1"/>
    <col min="2299" max="2335" width="9.109375" customWidth="1"/>
    <col min="2551" max="2551" width="4.6640625" customWidth="1"/>
    <col min="2552" max="2552" width="16.88671875" bestFit="1" customWidth="1"/>
    <col min="2553" max="2553" width="127.5546875" customWidth="1"/>
    <col min="2554" max="2554" width="46.6640625" customWidth="1"/>
    <col min="2555" max="2591" width="9.109375" customWidth="1"/>
    <col min="2807" max="2807" width="4.6640625" customWidth="1"/>
    <col min="2808" max="2808" width="16.88671875" bestFit="1" customWidth="1"/>
    <col min="2809" max="2809" width="127.5546875" customWidth="1"/>
    <col min="2810" max="2810" width="46.6640625" customWidth="1"/>
    <col min="2811" max="2847" width="9.109375" customWidth="1"/>
    <col min="3063" max="3063" width="4.6640625" customWidth="1"/>
    <col min="3064" max="3064" width="16.88671875" bestFit="1" customWidth="1"/>
    <col min="3065" max="3065" width="127.5546875" customWidth="1"/>
    <col min="3066" max="3066" width="46.6640625" customWidth="1"/>
    <col min="3067" max="3103" width="9.109375" customWidth="1"/>
    <col min="3319" max="3319" width="4.6640625" customWidth="1"/>
    <col min="3320" max="3320" width="16.88671875" bestFit="1" customWidth="1"/>
    <col min="3321" max="3321" width="127.5546875" customWidth="1"/>
    <col min="3322" max="3322" width="46.6640625" customWidth="1"/>
    <col min="3323" max="3359" width="9.109375" customWidth="1"/>
    <col min="3575" max="3575" width="4.6640625" customWidth="1"/>
    <col min="3576" max="3576" width="16.88671875" bestFit="1" customWidth="1"/>
    <col min="3577" max="3577" width="127.5546875" customWidth="1"/>
    <col min="3578" max="3578" width="46.6640625" customWidth="1"/>
    <col min="3579" max="3615" width="9.109375" customWidth="1"/>
    <col min="3831" max="3831" width="4.6640625" customWidth="1"/>
    <col min="3832" max="3832" width="16.88671875" bestFit="1" customWidth="1"/>
    <col min="3833" max="3833" width="127.5546875" customWidth="1"/>
    <col min="3834" max="3834" width="46.6640625" customWidth="1"/>
    <col min="3835" max="3871" width="9.109375" customWidth="1"/>
    <col min="4087" max="4087" width="4.6640625" customWidth="1"/>
    <col min="4088" max="4088" width="16.88671875" bestFit="1" customWidth="1"/>
    <col min="4089" max="4089" width="127.5546875" customWidth="1"/>
    <col min="4090" max="4090" width="46.6640625" customWidth="1"/>
    <col min="4091" max="4127" width="9.109375" customWidth="1"/>
    <col min="4343" max="4343" width="4.6640625" customWidth="1"/>
    <col min="4344" max="4344" width="16.88671875" bestFit="1" customWidth="1"/>
    <col min="4345" max="4345" width="127.5546875" customWidth="1"/>
    <col min="4346" max="4346" width="46.6640625" customWidth="1"/>
    <col min="4347" max="4383" width="9.109375" customWidth="1"/>
    <col min="4599" max="4599" width="4.6640625" customWidth="1"/>
    <col min="4600" max="4600" width="16.88671875" bestFit="1" customWidth="1"/>
    <col min="4601" max="4601" width="127.5546875" customWidth="1"/>
    <col min="4602" max="4602" width="46.6640625" customWidth="1"/>
    <col min="4603" max="4639" width="9.109375" customWidth="1"/>
    <col min="4855" max="4855" width="4.6640625" customWidth="1"/>
    <col min="4856" max="4856" width="16.88671875" bestFit="1" customWidth="1"/>
    <col min="4857" max="4857" width="127.5546875" customWidth="1"/>
    <col min="4858" max="4858" width="46.6640625" customWidth="1"/>
    <col min="4859" max="4895" width="9.109375" customWidth="1"/>
    <col min="5111" max="5111" width="4.6640625" customWidth="1"/>
    <col min="5112" max="5112" width="16.88671875" bestFit="1" customWidth="1"/>
    <col min="5113" max="5113" width="127.5546875" customWidth="1"/>
    <col min="5114" max="5114" width="46.6640625" customWidth="1"/>
    <col min="5115" max="5151" width="9.109375" customWidth="1"/>
    <col min="5367" max="5367" width="4.6640625" customWidth="1"/>
    <col min="5368" max="5368" width="16.88671875" bestFit="1" customWidth="1"/>
    <col min="5369" max="5369" width="127.5546875" customWidth="1"/>
    <col min="5370" max="5370" width="46.6640625" customWidth="1"/>
    <col min="5371" max="5407" width="9.109375" customWidth="1"/>
    <col min="5623" max="5623" width="4.6640625" customWidth="1"/>
    <col min="5624" max="5624" width="16.88671875" bestFit="1" customWidth="1"/>
    <col min="5625" max="5625" width="127.5546875" customWidth="1"/>
    <col min="5626" max="5626" width="46.6640625" customWidth="1"/>
    <col min="5627" max="5663" width="9.109375" customWidth="1"/>
    <col min="5879" max="5879" width="4.6640625" customWidth="1"/>
    <col min="5880" max="5880" width="16.88671875" bestFit="1" customWidth="1"/>
    <col min="5881" max="5881" width="127.5546875" customWidth="1"/>
    <col min="5882" max="5882" width="46.6640625" customWidth="1"/>
    <col min="5883" max="5919" width="9.109375" customWidth="1"/>
    <col min="6135" max="6135" width="4.6640625" customWidth="1"/>
    <col min="6136" max="6136" width="16.88671875" bestFit="1" customWidth="1"/>
    <col min="6137" max="6137" width="127.5546875" customWidth="1"/>
    <col min="6138" max="6138" width="46.6640625" customWidth="1"/>
    <col min="6139" max="6175" width="9.109375" customWidth="1"/>
    <col min="6391" max="6391" width="4.6640625" customWidth="1"/>
    <col min="6392" max="6392" width="16.88671875" bestFit="1" customWidth="1"/>
    <col min="6393" max="6393" width="127.5546875" customWidth="1"/>
    <col min="6394" max="6394" width="46.6640625" customWidth="1"/>
    <col min="6395" max="6431" width="9.109375" customWidth="1"/>
    <col min="6647" max="6647" width="4.6640625" customWidth="1"/>
    <col min="6648" max="6648" width="16.88671875" bestFit="1" customWidth="1"/>
    <col min="6649" max="6649" width="127.5546875" customWidth="1"/>
    <col min="6650" max="6650" width="46.6640625" customWidth="1"/>
    <col min="6651" max="6687" width="9.109375" customWidth="1"/>
    <col min="6903" max="6903" width="4.6640625" customWidth="1"/>
    <col min="6904" max="6904" width="16.88671875" bestFit="1" customWidth="1"/>
    <col min="6905" max="6905" width="127.5546875" customWidth="1"/>
    <col min="6906" max="6906" width="46.6640625" customWidth="1"/>
    <col min="6907" max="6943" width="9.109375" customWidth="1"/>
    <col min="7159" max="7159" width="4.6640625" customWidth="1"/>
    <col min="7160" max="7160" width="16.88671875" bestFit="1" customWidth="1"/>
    <col min="7161" max="7161" width="127.5546875" customWidth="1"/>
    <col min="7162" max="7162" width="46.6640625" customWidth="1"/>
    <col min="7163" max="7199" width="9.109375" customWidth="1"/>
    <col min="7415" max="7415" width="4.6640625" customWidth="1"/>
    <col min="7416" max="7416" width="16.88671875" bestFit="1" customWidth="1"/>
    <col min="7417" max="7417" width="127.5546875" customWidth="1"/>
    <col min="7418" max="7418" width="46.6640625" customWidth="1"/>
    <col min="7419" max="7455" width="9.109375" customWidth="1"/>
    <col min="7671" max="7671" width="4.6640625" customWidth="1"/>
    <col min="7672" max="7672" width="16.88671875" bestFit="1" customWidth="1"/>
    <col min="7673" max="7673" width="127.5546875" customWidth="1"/>
    <col min="7674" max="7674" width="46.6640625" customWidth="1"/>
    <col min="7675" max="7711" width="9.109375" customWidth="1"/>
    <col min="7927" max="7927" width="4.6640625" customWidth="1"/>
    <col min="7928" max="7928" width="16.88671875" bestFit="1" customWidth="1"/>
    <col min="7929" max="7929" width="127.5546875" customWidth="1"/>
    <col min="7930" max="7930" width="46.6640625" customWidth="1"/>
    <col min="7931" max="7967" width="9.109375" customWidth="1"/>
    <col min="8183" max="8183" width="4.6640625" customWidth="1"/>
    <col min="8184" max="8184" width="16.88671875" bestFit="1" customWidth="1"/>
    <col min="8185" max="8185" width="127.5546875" customWidth="1"/>
    <col min="8186" max="8186" width="46.6640625" customWidth="1"/>
    <col min="8187" max="8223" width="9.109375" customWidth="1"/>
    <col min="8439" max="8439" width="4.6640625" customWidth="1"/>
    <col min="8440" max="8440" width="16.88671875" bestFit="1" customWidth="1"/>
    <col min="8441" max="8441" width="127.5546875" customWidth="1"/>
    <col min="8442" max="8442" width="46.6640625" customWidth="1"/>
    <col min="8443" max="8479" width="9.109375" customWidth="1"/>
    <col min="8695" max="8695" width="4.6640625" customWidth="1"/>
    <col min="8696" max="8696" width="16.88671875" bestFit="1" customWidth="1"/>
    <col min="8697" max="8697" width="127.5546875" customWidth="1"/>
    <col min="8698" max="8698" width="46.6640625" customWidth="1"/>
    <col min="8699" max="8735" width="9.109375" customWidth="1"/>
    <col min="8951" max="8951" width="4.6640625" customWidth="1"/>
    <col min="8952" max="8952" width="16.88671875" bestFit="1" customWidth="1"/>
    <col min="8953" max="8953" width="127.5546875" customWidth="1"/>
    <col min="8954" max="8954" width="46.6640625" customWidth="1"/>
    <col min="8955" max="8991" width="9.109375" customWidth="1"/>
    <col min="9207" max="9207" width="4.6640625" customWidth="1"/>
    <col min="9208" max="9208" width="16.88671875" bestFit="1" customWidth="1"/>
    <col min="9209" max="9209" width="127.5546875" customWidth="1"/>
    <col min="9210" max="9210" width="46.6640625" customWidth="1"/>
    <col min="9211" max="9247" width="9.109375" customWidth="1"/>
    <col min="9463" max="9463" width="4.6640625" customWidth="1"/>
    <col min="9464" max="9464" width="16.88671875" bestFit="1" customWidth="1"/>
    <col min="9465" max="9465" width="127.5546875" customWidth="1"/>
    <col min="9466" max="9466" width="46.6640625" customWidth="1"/>
    <col min="9467" max="9503" width="9.109375" customWidth="1"/>
    <col min="9719" max="9719" width="4.6640625" customWidth="1"/>
    <col min="9720" max="9720" width="16.88671875" bestFit="1" customWidth="1"/>
    <col min="9721" max="9721" width="127.5546875" customWidth="1"/>
    <col min="9722" max="9722" width="46.6640625" customWidth="1"/>
    <col min="9723" max="9759" width="9.109375" customWidth="1"/>
    <col min="9975" max="9975" width="4.6640625" customWidth="1"/>
    <col min="9976" max="9976" width="16.88671875" bestFit="1" customWidth="1"/>
    <col min="9977" max="9977" width="127.5546875" customWidth="1"/>
    <col min="9978" max="9978" width="46.6640625" customWidth="1"/>
    <col min="9979" max="10015" width="9.109375" customWidth="1"/>
    <col min="10231" max="10231" width="4.6640625" customWidth="1"/>
    <col min="10232" max="10232" width="16.88671875" bestFit="1" customWidth="1"/>
    <col min="10233" max="10233" width="127.5546875" customWidth="1"/>
    <col min="10234" max="10234" width="46.6640625" customWidth="1"/>
    <col min="10235" max="10271" width="9.109375" customWidth="1"/>
    <col min="10487" max="10487" width="4.6640625" customWidth="1"/>
    <col min="10488" max="10488" width="16.88671875" bestFit="1" customWidth="1"/>
    <col min="10489" max="10489" width="127.5546875" customWidth="1"/>
    <col min="10490" max="10490" width="46.6640625" customWidth="1"/>
    <col min="10491" max="10527" width="9.109375" customWidth="1"/>
    <col min="10743" max="10743" width="4.6640625" customWidth="1"/>
    <col min="10744" max="10744" width="16.88671875" bestFit="1" customWidth="1"/>
    <col min="10745" max="10745" width="127.5546875" customWidth="1"/>
    <col min="10746" max="10746" width="46.6640625" customWidth="1"/>
    <col min="10747" max="10783" width="9.109375" customWidth="1"/>
    <col min="10999" max="10999" width="4.6640625" customWidth="1"/>
    <col min="11000" max="11000" width="16.88671875" bestFit="1" customWidth="1"/>
    <col min="11001" max="11001" width="127.5546875" customWidth="1"/>
    <col min="11002" max="11002" width="46.6640625" customWidth="1"/>
    <col min="11003" max="11039" width="9.109375" customWidth="1"/>
    <col min="11255" max="11255" width="4.6640625" customWidth="1"/>
    <col min="11256" max="11256" width="16.88671875" bestFit="1" customWidth="1"/>
    <col min="11257" max="11257" width="127.5546875" customWidth="1"/>
    <col min="11258" max="11258" width="46.6640625" customWidth="1"/>
    <col min="11259" max="11295" width="9.109375" customWidth="1"/>
    <col min="11511" max="11511" width="4.6640625" customWidth="1"/>
    <col min="11512" max="11512" width="16.88671875" bestFit="1" customWidth="1"/>
    <col min="11513" max="11513" width="127.5546875" customWidth="1"/>
    <col min="11514" max="11514" width="46.6640625" customWidth="1"/>
    <col min="11515" max="11551" width="9.109375" customWidth="1"/>
    <col min="11767" max="11767" width="4.6640625" customWidth="1"/>
    <col min="11768" max="11768" width="16.88671875" bestFit="1" customWidth="1"/>
    <col min="11769" max="11769" width="127.5546875" customWidth="1"/>
    <col min="11770" max="11770" width="46.6640625" customWidth="1"/>
    <col min="11771" max="11807" width="9.109375" customWidth="1"/>
    <col min="12023" max="12023" width="4.6640625" customWidth="1"/>
    <col min="12024" max="12024" width="16.88671875" bestFit="1" customWidth="1"/>
    <col min="12025" max="12025" width="127.5546875" customWidth="1"/>
    <col min="12026" max="12026" width="46.6640625" customWidth="1"/>
    <col min="12027" max="12063" width="9.109375" customWidth="1"/>
    <col min="12279" max="12279" width="4.6640625" customWidth="1"/>
    <col min="12280" max="12280" width="16.88671875" bestFit="1" customWidth="1"/>
    <col min="12281" max="12281" width="127.5546875" customWidth="1"/>
    <col min="12282" max="12282" width="46.6640625" customWidth="1"/>
    <col min="12283" max="12319" width="9.109375" customWidth="1"/>
    <col min="12535" max="12535" width="4.6640625" customWidth="1"/>
    <col min="12536" max="12536" width="16.88671875" bestFit="1" customWidth="1"/>
    <col min="12537" max="12537" width="127.5546875" customWidth="1"/>
    <col min="12538" max="12538" width="46.6640625" customWidth="1"/>
    <col min="12539" max="12575" width="9.109375" customWidth="1"/>
    <col min="12791" max="12791" width="4.6640625" customWidth="1"/>
    <col min="12792" max="12792" width="16.88671875" bestFit="1" customWidth="1"/>
    <col min="12793" max="12793" width="127.5546875" customWidth="1"/>
    <col min="12794" max="12794" width="46.6640625" customWidth="1"/>
    <col min="12795" max="12831" width="9.109375" customWidth="1"/>
    <col min="13047" max="13047" width="4.6640625" customWidth="1"/>
    <col min="13048" max="13048" width="16.88671875" bestFit="1" customWidth="1"/>
    <col min="13049" max="13049" width="127.5546875" customWidth="1"/>
    <col min="13050" max="13050" width="46.6640625" customWidth="1"/>
    <col min="13051" max="13087" width="9.109375" customWidth="1"/>
    <col min="13303" max="13303" width="4.6640625" customWidth="1"/>
    <col min="13304" max="13304" width="16.88671875" bestFit="1" customWidth="1"/>
    <col min="13305" max="13305" width="127.5546875" customWidth="1"/>
    <col min="13306" max="13306" width="46.6640625" customWidth="1"/>
    <col min="13307" max="13343" width="9.109375" customWidth="1"/>
    <col min="13559" max="13559" width="4.6640625" customWidth="1"/>
    <col min="13560" max="13560" width="16.88671875" bestFit="1" customWidth="1"/>
    <col min="13561" max="13561" width="127.5546875" customWidth="1"/>
    <col min="13562" max="13562" width="46.6640625" customWidth="1"/>
    <col min="13563" max="13599" width="9.109375" customWidth="1"/>
    <col min="13815" max="13815" width="4.6640625" customWidth="1"/>
    <col min="13816" max="13816" width="16.88671875" bestFit="1" customWidth="1"/>
    <col min="13817" max="13817" width="127.5546875" customWidth="1"/>
    <col min="13818" max="13818" width="46.6640625" customWidth="1"/>
    <col min="13819" max="13855" width="9.109375" customWidth="1"/>
    <col min="14071" max="14071" width="4.6640625" customWidth="1"/>
    <col min="14072" max="14072" width="16.88671875" bestFit="1" customWidth="1"/>
    <col min="14073" max="14073" width="127.5546875" customWidth="1"/>
    <col min="14074" max="14074" width="46.6640625" customWidth="1"/>
    <col min="14075" max="14111" width="9.109375" customWidth="1"/>
    <col min="14327" max="14327" width="4.6640625" customWidth="1"/>
    <col min="14328" max="14328" width="16.88671875" bestFit="1" customWidth="1"/>
    <col min="14329" max="14329" width="127.5546875" customWidth="1"/>
    <col min="14330" max="14330" width="46.6640625" customWidth="1"/>
    <col min="14331" max="14367" width="9.109375" customWidth="1"/>
    <col min="14583" max="14583" width="4.6640625" customWidth="1"/>
    <col min="14584" max="14584" width="16.88671875" bestFit="1" customWidth="1"/>
    <col min="14585" max="14585" width="127.5546875" customWidth="1"/>
    <col min="14586" max="14586" width="46.6640625" customWidth="1"/>
    <col min="14587" max="14623" width="9.109375" customWidth="1"/>
    <col min="14839" max="14839" width="4.6640625" customWidth="1"/>
    <col min="14840" max="14840" width="16.88671875" bestFit="1" customWidth="1"/>
    <col min="14841" max="14841" width="127.5546875" customWidth="1"/>
    <col min="14842" max="14842" width="46.6640625" customWidth="1"/>
    <col min="14843" max="14879" width="9.109375" customWidth="1"/>
    <col min="15095" max="15095" width="4.6640625" customWidth="1"/>
    <col min="15096" max="15096" width="16.88671875" bestFit="1" customWidth="1"/>
    <col min="15097" max="15097" width="127.5546875" customWidth="1"/>
    <col min="15098" max="15098" width="46.6640625" customWidth="1"/>
    <col min="15099" max="15135" width="9.109375" customWidth="1"/>
    <col min="15351" max="15351" width="4.6640625" customWidth="1"/>
    <col min="15352" max="15352" width="16.88671875" bestFit="1" customWidth="1"/>
    <col min="15353" max="15353" width="127.5546875" customWidth="1"/>
    <col min="15354" max="15354" width="46.6640625" customWidth="1"/>
    <col min="15355" max="15391" width="9.109375" customWidth="1"/>
    <col min="15607" max="15607" width="4.6640625" customWidth="1"/>
    <col min="15608" max="15608" width="16.88671875" bestFit="1" customWidth="1"/>
    <col min="15609" max="15609" width="127.5546875" customWidth="1"/>
    <col min="15610" max="15610" width="46.6640625" customWidth="1"/>
    <col min="15611" max="15647" width="9.109375" customWidth="1"/>
    <col min="15863" max="15863" width="4.6640625" customWidth="1"/>
    <col min="15864" max="15864" width="16.88671875" bestFit="1" customWidth="1"/>
    <col min="15865" max="15865" width="127.5546875" customWidth="1"/>
    <col min="15866" max="15866" width="46.6640625" customWidth="1"/>
    <col min="15867" max="15903" width="9.109375" customWidth="1"/>
    <col min="16119" max="16119" width="4.6640625" customWidth="1"/>
    <col min="16120" max="16120" width="16.88671875" bestFit="1" customWidth="1"/>
    <col min="16121" max="16121" width="127.5546875" customWidth="1"/>
    <col min="16122" max="16122" width="46.6640625" customWidth="1"/>
    <col min="16123" max="16159" width="9.109375" customWidth="1"/>
  </cols>
  <sheetData>
    <row r="1" spans="1:31" ht="31.2" x14ac:dyDescent="0.6">
      <c r="A1" s="337" t="s">
        <v>36</v>
      </c>
      <c r="B1" s="338"/>
      <c r="C1" s="338"/>
    </row>
    <row r="2" spans="1:31" ht="31.2" x14ac:dyDescent="0.6">
      <c r="A2" s="27" t="s">
        <v>23</v>
      </c>
      <c r="B2" s="28"/>
      <c r="C2" s="28"/>
    </row>
    <row r="3" spans="1:31" x14ac:dyDescent="0.3">
      <c r="A3" s="19"/>
    </row>
    <row r="4" spans="1:31" s="23" customFormat="1" ht="18" x14ac:dyDescent="0.3">
      <c r="A4" s="31"/>
      <c r="B4" s="32"/>
      <c r="C4" s="33" t="s">
        <v>37</v>
      </c>
      <c r="D4" s="34"/>
      <c r="E4" s="34"/>
      <c r="F4" s="34"/>
      <c r="G4" s="34"/>
      <c r="H4" s="34"/>
      <c r="I4" s="34"/>
      <c r="J4" s="34"/>
      <c r="K4" s="34"/>
      <c r="L4" s="34"/>
      <c r="M4" s="34"/>
      <c r="N4" s="34"/>
      <c r="O4" s="34"/>
      <c r="P4" s="34"/>
      <c r="Q4" s="34"/>
      <c r="R4" s="34"/>
      <c r="S4" s="34"/>
      <c r="T4" s="34"/>
      <c r="U4" s="34"/>
      <c r="V4" s="34"/>
      <c r="W4" s="34"/>
      <c r="X4" s="34"/>
      <c r="Y4" s="34"/>
      <c r="Z4" s="34"/>
      <c r="AA4" s="34"/>
      <c r="AB4" s="34"/>
      <c r="AC4" s="34"/>
      <c r="AD4" s="34"/>
      <c r="AE4" s="34"/>
    </row>
    <row r="5" spans="1:31" ht="18" x14ac:dyDescent="0.3">
      <c r="A5" s="35" t="s">
        <v>38</v>
      </c>
      <c r="B5" s="36"/>
      <c r="C5" s="37"/>
    </row>
    <row r="6" spans="1:31" ht="14.4" customHeight="1" x14ac:dyDescent="0.3">
      <c r="A6" s="38" t="s">
        <v>39</v>
      </c>
      <c r="B6" s="38"/>
      <c r="C6" s="39"/>
    </row>
    <row r="7" spans="1:31" ht="57.6" x14ac:dyDescent="0.3">
      <c r="A7" s="40"/>
      <c r="B7" s="41" t="s">
        <v>40</v>
      </c>
      <c r="C7" s="42" t="s">
        <v>41</v>
      </c>
    </row>
    <row r="8" spans="1:31" ht="14.4" customHeight="1" x14ac:dyDescent="0.3">
      <c r="A8" s="38" t="s">
        <v>42</v>
      </c>
      <c r="B8" s="38"/>
      <c r="C8" s="39"/>
    </row>
    <row r="9" spans="1:31" ht="23.25" customHeight="1" x14ac:dyDescent="0.3">
      <c r="A9" s="43"/>
      <c r="B9" s="41" t="s">
        <v>43</v>
      </c>
      <c r="C9" s="44" t="s">
        <v>1146</v>
      </c>
    </row>
    <row r="10" spans="1:31" ht="14.4" customHeight="1" x14ac:dyDescent="0.3">
      <c r="A10" s="38" t="s">
        <v>44</v>
      </c>
      <c r="B10" s="38"/>
      <c r="C10" s="39"/>
    </row>
    <row r="11" spans="1:31" ht="23.25" customHeight="1" x14ac:dyDescent="0.3">
      <c r="A11" s="43"/>
      <c r="B11" s="41" t="s">
        <v>45</v>
      </c>
      <c r="C11" s="44" t="s">
        <v>46</v>
      </c>
    </row>
    <row r="12" spans="1:31" ht="14.4" customHeight="1" x14ac:dyDescent="0.3">
      <c r="A12" s="38" t="s">
        <v>47</v>
      </c>
      <c r="B12" s="38"/>
      <c r="C12" s="39"/>
    </row>
    <row r="13" spans="1:31" x14ac:dyDescent="0.3">
      <c r="A13" s="40"/>
      <c r="B13" s="41" t="s">
        <v>48</v>
      </c>
      <c r="C13" s="42" t="s">
        <v>49</v>
      </c>
    </row>
    <row r="14" spans="1:31" ht="14.4" customHeight="1" x14ac:dyDescent="0.3">
      <c r="A14" s="38" t="s">
        <v>50</v>
      </c>
      <c r="B14" s="38"/>
      <c r="C14" s="39"/>
    </row>
    <row r="15" spans="1:31" ht="38.25" customHeight="1" x14ac:dyDescent="0.3">
      <c r="A15" s="40"/>
      <c r="B15" s="41" t="s">
        <v>51</v>
      </c>
      <c r="C15" s="44" t="s">
        <v>52</v>
      </c>
    </row>
    <row r="16" spans="1:31" ht="14.4" customHeight="1" x14ac:dyDescent="0.3">
      <c r="A16" s="38" t="s">
        <v>53</v>
      </c>
      <c r="B16" s="38"/>
      <c r="C16" s="39"/>
    </row>
    <row r="17" spans="1:3" ht="26.25" customHeight="1" x14ac:dyDescent="0.3">
      <c r="A17" s="40"/>
      <c r="B17" s="41" t="s">
        <v>54</v>
      </c>
      <c r="C17" s="44" t="s">
        <v>55</v>
      </c>
    </row>
    <row r="18" spans="1:3" ht="14.4" customHeight="1" x14ac:dyDescent="0.3">
      <c r="A18" s="38" t="s">
        <v>56</v>
      </c>
      <c r="B18" s="38"/>
      <c r="C18" s="39"/>
    </row>
    <row r="19" spans="1:3" ht="40.5" customHeight="1" x14ac:dyDescent="0.3">
      <c r="A19" s="40"/>
      <c r="B19" s="41" t="s">
        <v>57</v>
      </c>
      <c r="C19" s="42" t="s">
        <v>1719</v>
      </c>
    </row>
    <row r="20" spans="1:3" ht="18" x14ac:dyDescent="0.3">
      <c r="A20" s="35" t="s">
        <v>58</v>
      </c>
      <c r="B20" s="36"/>
      <c r="C20" s="45"/>
    </row>
    <row r="21" spans="1:3" ht="14.4" customHeight="1" x14ac:dyDescent="0.3">
      <c r="A21" s="38" t="s">
        <v>59</v>
      </c>
      <c r="B21" s="38"/>
      <c r="C21" s="39"/>
    </row>
    <row r="22" spans="1:3" ht="42.6" customHeight="1" x14ac:dyDescent="0.3">
      <c r="A22" s="43"/>
      <c r="B22" s="41" t="s">
        <v>60</v>
      </c>
      <c r="C22" s="42" t="s">
        <v>61</v>
      </c>
    </row>
    <row r="23" spans="1:3" ht="14.4" customHeight="1" x14ac:dyDescent="0.3">
      <c r="A23" s="38" t="s">
        <v>62</v>
      </c>
      <c r="B23" s="38"/>
      <c r="C23" s="39"/>
    </row>
    <row r="24" spans="1:3" x14ac:dyDescent="0.3">
      <c r="A24" s="40"/>
      <c r="B24" s="41" t="s">
        <v>63</v>
      </c>
      <c r="C24" s="44" t="s">
        <v>1299</v>
      </c>
    </row>
    <row r="25" spans="1:3" ht="14.4" customHeight="1" x14ac:dyDescent="0.3">
      <c r="A25" s="38" t="s">
        <v>1152</v>
      </c>
      <c r="B25" s="38"/>
      <c r="C25" s="39"/>
    </row>
    <row r="26" spans="1:3" ht="38.25" customHeight="1" x14ac:dyDescent="0.3">
      <c r="A26" s="40"/>
      <c r="B26" s="41" t="s">
        <v>64</v>
      </c>
      <c r="C26" s="44" t="s">
        <v>65</v>
      </c>
    </row>
    <row r="27" spans="1:3" ht="14.4" customHeight="1" x14ac:dyDescent="0.3">
      <c r="A27" s="38" t="s">
        <v>66</v>
      </c>
      <c r="B27" s="38"/>
      <c r="C27" s="39"/>
    </row>
    <row r="28" spans="1:3" ht="34.5" customHeight="1" x14ac:dyDescent="0.3">
      <c r="A28" s="40"/>
      <c r="B28" s="41" t="s">
        <v>67</v>
      </c>
      <c r="C28" s="44" t="s">
        <v>68</v>
      </c>
    </row>
    <row r="29" spans="1:3" x14ac:dyDescent="0.3">
      <c r="A29" s="38" t="s">
        <v>1149</v>
      </c>
      <c r="B29" s="38"/>
      <c r="C29" s="39"/>
    </row>
    <row r="30" spans="1:3" ht="57.6" x14ac:dyDescent="0.3">
      <c r="A30" s="40"/>
      <c r="B30" s="41" t="s">
        <v>1147</v>
      </c>
      <c r="C30" s="44" t="s">
        <v>1300</v>
      </c>
    </row>
    <row r="31" spans="1:3" x14ac:dyDescent="0.3">
      <c r="A31" s="38" t="s">
        <v>1148</v>
      </c>
      <c r="B31" s="38"/>
      <c r="C31" s="39"/>
    </row>
    <row r="32" spans="1:3" ht="28.8" x14ac:dyDescent="0.3">
      <c r="A32" s="40"/>
      <c r="B32" s="41" t="s">
        <v>1150</v>
      </c>
      <c r="C32" s="44" t="s">
        <v>1151</v>
      </c>
    </row>
    <row r="33" spans="1:3" x14ac:dyDescent="0.3">
      <c r="A33" s="38" t="s">
        <v>1153</v>
      </c>
      <c r="B33" s="38"/>
      <c r="C33" s="39"/>
    </row>
    <row r="34" spans="1:3" x14ac:dyDescent="0.3">
      <c r="A34" s="40"/>
      <c r="B34" s="41" t="s">
        <v>1157</v>
      </c>
      <c r="C34" s="44" t="s">
        <v>1156</v>
      </c>
    </row>
    <row r="35" spans="1:3" x14ac:dyDescent="0.3">
      <c r="A35" s="339" t="s">
        <v>1723</v>
      </c>
      <c r="B35" s="340"/>
      <c r="C35" s="341"/>
    </row>
    <row r="36" spans="1:3" ht="43.2" x14ac:dyDescent="0.3">
      <c r="B36" s="41" t="s">
        <v>1722</v>
      </c>
      <c r="C36" s="44" t="s">
        <v>1724</v>
      </c>
    </row>
  </sheetData>
  <mergeCells count="2">
    <mergeCell ref="A1:C1"/>
    <mergeCell ref="A35:C35"/>
  </mergeCells>
  <pageMargins left="0.70866141732283472" right="0.70866141732283472" top="0.74803149606299213" bottom="0.74803149606299213" header="0.31496062992125984" footer="0.31496062992125984"/>
  <pageSetup paperSize="9" scale="50" orientation="landscape" r:id="rId1"/>
  <headerFooter>
    <oddHeader>&amp;R&amp;G</oddHeader>
  </headerFooter>
  <legacyDrawingHF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7">
    <tabColor rgb="FFE36E00"/>
  </sheetPr>
  <dimension ref="A1:C403"/>
  <sheetViews>
    <sheetView zoomScale="75" zoomScaleNormal="75" workbookViewId="0">
      <selection activeCell="C1" sqref="C1"/>
    </sheetView>
  </sheetViews>
  <sheetFormatPr defaultColWidth="11.44140625" defaultRowHeight="14.4" outlineLevelRow="1" x14ac:dyDescent="0.3"/>
  <cols>
    <col min="1" max="1" width="16.33203125" customWidth="1"/>
    <col min="2" max="2" width="89.88671875" style="51" bestFit="1" customWidth="1"/>
    <col min="3" max="3" width="134.6640625" customWidth="1"/>
  </cols>
  <sheetData>
    <row r="1" spans="1:3" ht="31.2" x14ac:dyDescent="0.3">
      <c r="A1" s="48" t="s">
        <v>775</v>
      </c>
      <c r="B1" s="48"/>
      <c r="C1" s="171" t="s">
        <v>1727</v>
      </c>
    </row>
    <row r="2" spans="1:3" x14ac:dyDescent="0.3">
      <c r="B2" s="49"/>
      <c r="C2" s="49"/>
    </row>
    <row r="3" spans="1:3" x14ac:dyDescent="0.3">
      <c r="A3" s="94" t="s">
        <v>776</v>
      </c>
      <c r="B3" s="95"/>
      <c r="C3" s="49"/>
    </row>
    <row r="4" spans="1:3" x14ac:dyDescent="0.3">
      <c r="C4" s="49"/>
    </row>
    <row r="5" spans="1:3" ht="18" x14ac:dyDescent="0.3">
      <c r="A5" s="62" t="s">
        <v>77</v>
      </c>
      <c r="B5" s="62" t="s">
        <v>777</v>
      </c>
      <c r="C5" s="96" t="s">
        <v>1145</v>
      </c>
    </row>
    <row r="6" spans="1:3" ht="28.8" x14ac:dyDescent="0.3">
      <c r="A6" s="1" t="s">
        <v>778</v>
      </c>
      <c r="B6" s="65" t="s">
        <v>1662</v>
      </c>
      <c r="C6" s="163" t="s">
        <v>1661</v>
      </c>
    </row>
    <row r="7" spans="1:3" ht="28.8" x14ac:dyDescent="0.3">
      <c r="A7" s="1" t="s">
        <v>779</v>
      </c>
      <c r="B7" s="65" t="s">
        <v>1664</v>
      </c>
      <c r="C7" s="163" t="s">
        <v>1665</v>
      </c>
    </row>
    <row r="8" spans="1:3" ht="28.8" x14ac:dyDescent="0.3">
      <c r="A8" s="1" t="s">
        <v>780</v>
      </c>
      <c r="B8" s="65" t="s">
        <v>1663</v>
      </c>
      <c r="C8" s="163" t="s">
        <v>1666</v>
      </c>
    </row>
    <row r="9" spans="1:3" x14ac:dyDescent="0.3">
      <c r="A9" s="1" t="s">
        <v>781</v>
      </c>
      <c r="B9" s="65" t="s">
        <v>782</v>
      </c>
      <c r="C9" s="142" t="s">
        <v>79</v>
      </c>
    </row>
    <row r="10" spans="1:3" ht="44.25" customHeight="1" x14ac:dyDescent="0.3">
      <c r="A10" s="1" t="s">
        <v>783</v>
      </c>
      <c r="B10" s="65" t="s">
        <v>997</v>
      </c>
      <c r="C10" s="142" t="s">
        <v>79</v>
      </c>
    </row>
    <row r="11" spans="1:3" ht="54.75" customHeight="1" x14ac:dyDescent="0.3">
      <c r="A11" s="1" t="s">
        <v>784</v>
      </c>
      <c r="B11" s="65" t="s">
        <v>785</v>
      </c>
      <c r="C11" s="142" t="s">
        <v>79</v>
      </c>
    </row>
    <row r="12" spans="1:3" x14ac:dyDescent="0.3">
      <c r="A12" s="1" t="s">
        <v>786</v>
      </c>
      <c r="B12" s="65" t="s">
        <v>1620</v>
      </c>
      <c r="C12" s="142" t="s">
        <v>1621</v>
      </c>
    </row>
    <row r="13" spans="1:3" x14ac:dyDescent="0.3">
      <c r="A13" s="1" t="s">
        <v>788</v>
      </c>
      <c r="B13" s="65" t="s">
        <v>787</v>
      </c>
      <c r="C13" s="142" t="s">
        <v>79</v>
      </c>
    </row>
    <row r="14" spans="1:3" x14ac:dyDescent="0.3">
      <c r="A14" s="1" t="s">
        <v>790</v>
      </c>
      <c r="B14" s="65" t="s">
        <v>789</v>
      </c>
      <c r="C14" s="142" t="s">
        <v>79</v>
      </c>
    </row>
    <row r="15" spans="1:3" ht="28.8" x14ac:dyDescent="0.3">
      <c r="A15" s="1" t="s">
        <v>792</v>
      </c>
      <c r="B15" s="65" t="s">
        <v>791</v>
      </c>
      <c r="C15" s="142" t="s">
        <v>79</v>
      </c>
    </row>
    <row r="16" spans="1:3" x14ac:dyDescent="0.3">
      <c r="A16" s="1" t="s">
        <v>794</v>
      </c>
      <c r="B16" s="65" t="s">
        <v>793</v>
      </c>
      <c r="C16" s="142" t="s">
        <v>79</v>
      </c>
    </row>
    <row r="17" spans="1:3" ht="30" customHeight="1" x14ac:dyDescent="0.3">
      <c r="A17" s="1" t="s">
        <v>796</v>
      </c>
      <c r="B17" s="69" t="s">
        <v>795</v>
      </c>
      <c r="C17" s="142" t="s">
        <v>79</v>
      </c>
    </row>
    <row r="18" spans="1:3" x14ac:dyDescent="0.3">
      <c r="A18" s="1" t="s">
        <v>798</v>
      </c>
      <c r="B18" s="69" t="s">
        <v>797</v>
      </c>
      <c r="C18" s="142" t="s">
        <v>79</v>
      </c>
    </row>
    <row r="19" spans="1:3" x14ac:dyDescent="0.3">
      <c r="A19" s="1" t="s">
        <v>1619</v>
      </c>
      <c r="B19" s="69" t="s">
        <v>799</v>
      </c>
      <c r="C19" s="142" t="s">
        <v>79</v>
      </c>
    </row>
    <row r="20" spans="1:3" x14ac:dyDescent="0.3">
      <c r="A20" s="1" t="s">
        <v>1622</v>
      </c>
      <c r="B20" s="65" t="s">
        <v>1618</v>
      </c>
      <c r="C20" s="142" t="s">
        <v>79</v>
      </c>
    </row>
    <row r="21" spans="1:3" x14ac:dyDescent="0.3">
      <c r="A21" s="1" t="s">
        <v>800</v>
      </c>
      <c r="B21" s="66" t="s">
        <v>801</v>
      </c>
      <c r="C21" s="164"/>
    </row>
    <row r="22" spans="1:3" x14ac:dyDescent="0.3">
      <c r="A22" s="1" t="s">
        <v>802</v>
      </c>
      <c r="B22" s="164"/>
      <c r="C22" s="164"/>
    </row>
    <row r="23" spans="1:3" outlineLevel="1" x14ac:dyDescent="0.3">
      <c r="A23" s="1" t="s">
        <v>803</v>
      </c>
      <c r="B23" s="142"/>
      <c r="C23" s="142"/>
    </row>
    <row r="24" spans="1:3" outlineLevel="1" x14ac:dyDescent="0.3">
      <c r="A24" s="1" t="s">
        <v>804</v>
      </c>
      <c r="B24" s="93"/>
      <c r="C24" s="142"/>
    </row>
    <row r="25" spans="1:3" outlineLevel="1" x14ac:dyDescent="0.3">
      <c r="A25" s="1" t="s">
        <v>805</v>
      </c>
      <c r="B25" s="93"/>
      <c r="C25" s="142"/>
    </row>
    <row r="26" spans="1:3" outlineLevel="1" x14ac:dyDescent="0.3">
      <c r="A26" s="1" t="s">
        <v>1403</v>
      </c>
      <c r="B26" s="93"/>
      <c r="C26" s="142"/>
    </row>
    <row r="27" spans="1:3" outlineLevel="1" x14ac:dyDescent="0.3">
      <c r="A27" s="1" t="s">
        <v>1404</v>
      </c>
      <c r="B27" s="93"/>
      <c r="C27" s="142"/>
    </row>
    <row r="28" spans="1:3" ht="18" outlineLevel="1" x14ac:dyDescent="0.3">
      <c r="A28" s="62"/>
      <c r="B28" s="62" t="s">
        <v>1357</v>
      </c>
      <c r="C28" s="96" t="s">
        <v>1145</v>
      </c>
    </row>
    <row r="29" spans="1:3" outlineLevel="1" x14ac:dyDescent="0.3">
      <c r="A29" s="1" t="s">
        <v>807</v>
      </c>
      <c r="B29" s="65" t="s">
        <v>1355</v>
      </c>
      <c r="C29" s="142" t="s">
        <v>79</v>
      </c>
    </row>
    <row r="30" spans="1:3" outlineLevel="1" x14ac:dyDescent="0.3">
      <c r="A30" s="1" t="s">
        <v>810</v>
      </c>
      <c r="B30" s="65" t="s">
        <v>1356</v>
      </c>
      <c r="C30" s="142" t="s">
        <v>79</v>
      </c>
    </row>
    <row r="31" spans="1:3" outlineLevel="1" x14ac:dyDescent="0.3">
      <c r="A31" s="1" t="s">
        <v>813</v>
      </c>
      <c r="B31" s="65" t="s">
        <v>1354</v>
      </c>
      <c r="C31" s="142" t="s">
        <v>79</v>
      </c>
    </row>
    <row r="32" spans="1:3" ht="28.8" outlineLevel="1" x14ac:dyDescent="0.3">
      <c r="A32" s="1" t="s">
        <v>816</v>
      </c>
      <c r="B32" s="166" t="s">
        <v>1702</v>
      </c>
      <c r="C32" s="142" t="s">
        <v>79</v>
      </c>
    </row>
    <row r="33" spans="1:3" outlineLevel="1" x14ac:dyDescent="0.3">
      <c r="A33" s="1" t="s">
        <v>817</v>
      </c>
      <c r="B33" s="165"/>
      <c r="C33" s="142"/>
    </row>
    <row r="34" spans="1:3" outlineLevel="1" x14ac:dyDescent="0.3">
      <c r="A34" s="1" t="s">
        <v>1132</v>
      </c>
      <c r="B34" s="165"/>
      <c r="C34" s="142"/>
    </row>
    <row r="35" spans="1:3" outlineLevel="1" x14ac:dyDescent="0.3">
      <c r="A35" s="1" t="s">
        <v>1368</v>
      </c>
      <c r="B35" s="165"/>
      <c r="C35" s="142"/>
    </row>
    <row r="36" spans="1:3" outlineLevel="1" x14ac:dyDescent="0.3">
      <c r="A36" s="1" t="s">
        <v>1369</v>
      </c>
      <c r="B36" s="165"/>
      <c r="C36" s="142"/>
    </row>
    <row r="37" spans="1:3" outlineLevel="1" x14ac:dyDescent="0.3">
      <c r="A37" s="1" t="s">
        <v>1370</v>
      </c>
      <c r="B37" s="165"/>
      <c r="C37" s="142"/>
    </row>
    <row r="38" spans="1:3" outlineLevel="1" x14ac:dyDescent="0.3">
      <c r="A38" s="1" t="s">
        <v>1371</v>
      </c>
      <c r="B38" s="165"/>
      <c r="C38" s="142"/>
    </row>
    <row r="39" spans="1:3" outlineLevel="1" x14ac:dyDescent="0.3">
      <c r="A39" s="1" t="s">
        <v>1372</v>
      </c>
      <c r="B39" s="165"/>
      <c r="C39" s="142"/>
    </row>
    <row r="40" spans="1:3" outlineLevel="1" x14ac:dyDescent="0.3">
      <c r="A40" s="1" t="s">
        <v>1373</v>
      </c>
      <c r="B40"/>
      <c r="C40" s="142"/>
    </row>
    <row r="41" spans="1:3" outlineLevel="1" x14ac:dyDescent="0.3">
      <c r="A41" s="1" t="s">
        <v>1374</v>
      </c>
      <c r="B41" s="165"/>
      <c r="C41" s="142"/>
    </row>
    <row r="42" spans="1:3" outlineLevel="1" x14ac:dyDescent="0.3">
      <c r="A42" s="1" t="s">
        <v>1375</v>
      </c>
      <c r="B42" s="165"/>
      <c r="C42" s="142"/>
    </row>
    <row r="43" spans="1:3" outlineLevel="1" x14ac:dyDescent="0.3">
      <c r="A43" s="1" t="s">
        <v>1376</v>
      </c>
      <c r="B43" s="165"/>
      <c r="C43" s="142"/>
    </row>
    <row r="44" spans="1:3" ht="18" x14ac:dyDescent="0.3">
      <c r="A44" s="62"/>
      <c r="B44" s="62" t="s">
        <v>1358</v>
      </c>
      <c r="C44" s="96" t="s">
        <v>806</v>
      </c>
    </row>
    <row r="45" spans="1:3" x14ac:dyDescent="0.3">
      <c r="A45" s="1" t="s">
        <v>818</v>
      </c>
      <c r="B45" s="69" t="s">
        <v>808</v>
      </c>
      <c r="C45" s="51" t="s">
        <v>809</v>
      </c>
    </row>
    <row r="46" spans="1:3" x14ac:dyDescent="0.3">
      <c r="A46" s="1" t="s">
        <v>1360</v>
      </c>
      <c r="B46" s="69" t="s">
        <v>811</v>
      </c>
      <c r="C46" s="51" t="s">
        <v>812</v>
      </c>
    </row>
    <row r="47" spans="1:3" x14ac:dyDescent="0.3">
      <c r="A47" s="1" t="s">
        <v>1361</v>
      </c>
      <c r="B47" s="69" t="s">
        <v>814</v>
      </c>
      <c r="C47" s="51" t="s">
        <v>815</v>
      </c>
    </row>
    <row r="48" spans="1:3" outlineLevel="1" x14ac:dyDescent="0.3">
      <c r="A48" s="1" t="s">
        <v>820</v>
      </c>
      <c r="B48" s="166" t="s">
        <v>1714</v>
      </c>
      <c r="C48" s="142" t="s">
        <v>1097</v>
      </c>
    </row>
    <row r="49" spans="1:3" outlineLevel="1" x14ac:dyDescent="0.3">
      <c r="A49" s="1" t="s">
        <v>821</v>
      </c>
      <c r="B49" s="145"/>
      <c r="C49" s="142"/>
    </row>
    <row r="50" spans="1:3" outlineLevel="1" x14ac:dyDescent="0.3">
      <c r="A50" s="1" t="s">
        <v>822</v>
      </c>
      <c r="B50" s="166"/>
      <c r="C50" s="142"/>
    </row>
    <row r="51" spans="1:3" ht="18" x14ac:dyDescent="0.3">
      <c r="A51" s="62"/>
      <c r="B51" s="62" t="s">
        <v>1359</v>
      </c>
      <c r="C51" s="96" t="s">
        <v>1145</v>
      </c>
    </row>
    <row r="52" spans="1:3" x14ac:dyDescent="0.3">
      <c r="A52" s="1" t="s">
        <v>1362</v>
      </c>
      <c r="B52" s="65" t="s">
        <v>819</v>
      </c>
      <c r="C52" s="51" t="s">
        <v>79</v>
      </c>
    </row>
    <row r="53" spans="1:3" x14ac:dyDescent="0.3">
      <c r="A53" s="1" t="s">
        <v>1363</v>
      </c>
      <c r="B53" s="145"/>
      <c r="C53" s="164"/>
    </row>
    <row r="54" spans="1:3" x14ac:dyDescent="0.3">
      <c r="A54" s="1" t="s">
        <v>1364</v>
      </c>
      <c r="B54" s="145"/>
      <c r="C54" s="164"/>
    </row>
    <row r="55" spans="1:3" x14ac:dyDescent="0.3">
      <c r="A55" s="1" t="s">
        <v>1365</v>
      </c>
      <c r="B55" s="145"/>
      <c r="C55" s="164"/>
    </row>
    <row r="56" spans="1:3" x14ac:dyDescent="0.3">
      <c r="A56" s="1" t="s">
        <v>1366</v>
      </c>
      <c r="B56" s="145"/>
      <c r="C56" s="164"/>
    </row>
    <row r="57" spans="1:3" x14ac:dyDescent="0.3">
      <c r="A57" s="1" t="s">
        <v>1367</v>
      </c>
      <c r="B57" s="145"/>
      <c r="C57" s="164"/>
    </row>
    <row r="58" spans="1:3" x14ac:dyDescent="0.3">
      <c r="B58" s="68"/>
    </row>
    <row r="59" spans="1:3" x14ac:dyDescent="0.3">
      <c r="B59" s="68"/>
    </row>
    <row r="60" spans="1:3" x14ac:dyDescent="0.3">
      <c r="B60" s="68"/>
    </row>
    <row r="61" spans="1:3" x14ac:dyDescent="0.3">
      <c r="B61" s="68"/>
    </row>
    <row r="62" spans="1:3" x14ac:dyDescent="0.3">
      <c r="B62" s="68"/>
    </row>
    <row r="63" spans="1:3" x14ac:dyDescent="0.3">
      <c r="B63" s="68"/>
    </row>
    <row r="64" spans="1:3" x14ac:dyDescent="0.3">
      <c r="B64" s="68"/>
    </row>
    <row r="65" spans="2:2" x14ac:dyDescent="0.3">
      <c r="B65" s="68"/>
    </row>
    <row r="66" spans="2:2" x14ac:dyDescent="0.3">
      <c r="B66" s="68"/>
    </row>
    <row r="67" spans="2:2" x14ac:dyDescent="0.3">
      <c r="B67" s="68"/>
    </row>
    <row r="68" spans="2:2" x14ac:dyDescent="0.3">
      <c r="B68" s="68"/>
    </row>
    <row r="69" spans="2:2" x14ac:dyDescent="0.3">
      <c r="B69" s="68"/>
    </row>
    <row r="70" spans="2:2" x14ac:dyDescent="0.3">
      <c r="B70" s="68"/>
    </row>
    <row r="71" spans="2:2" x14ac:dyDescent="0.3">
      <c r="B71" s="68"/>
    </row>
    <row r="72" spans="2:2" x14ac:dyDescent="0.3">
      <c r="B72" s="68"/>
    </row>
    <row r="73" spans="2:2" x14ac:dyDescent="0.3">
      <c r="B73" s="68"/>
    </row>
    <row r="74" spans="2:2" x14ac:dyDescent="0.3">
      <c r="B74" s="68"/>
    </row>
    <row r="75" spans="2:2" x14ac:dyDescent="0.3">
      <c r="B75" s="68"/>
    </row>
    <row r="76" spans="2:2" x14ac:dyDescent="0.3">
      <c r="B76" s="68"/>
    </row>
    <row r="77" spans="2:2" x14ac:dyDescent="0.3">
      <c r="B77" s="68"/>
    </row>
    <row r="78" spans="2:2" x14ac:dyDescent="0.3">
      <c r="B78" s="68"/>
    </row>
    <row r="79" spans="2:2" x14ac:dyDescent="0.3">
      <c r="B79" s="68"/>
    </row>
    <row r="80" spans="2:2" x14ac:dyDescent="0.3">
      <c r="B80" s="68"/>
    </row>
    <row r="81" spans="2:2" x14ac:dyDescent="0.3">
      <c r="B81" s="68"/>
    </row>
    <row r="82" spans="2:2" x14ac:dyDescent="0.3">
      <c r="B82" s="68"/>
    </row>
    <row r="83" spans="2:2" x14ac:dyDescent="0.3">
      <c r="B83" s="68"/>
    </row>
    <row r="84" spans="2:2" x14ac:dyDescent="0.3">
      <c r="B84" s="68"/>
    </row>
    <row r="85" spans="2:2" x14ac:dyDescent="0.3">
      <c r="B85" s="68"/>
    </row>
    <row r="86" spans="2:2" x14ac:dyDescent="0.3">
      <c r="B86" s="68"/>
    </row>
    <row r="87" spans="2:2" x14ac:dyDescent="0.3">
      <c r="B87" s="68"/>
    </row>
    <row r="88" spans="2:2" x14ac:dyDescent="0.3">
      <c r="B88" s="68"/>
    </row>
    <row r="89" spans="2:2" x14ac:dyDescent="0.3">
      <c r="B89" s="68"/>
    </row>
    <row r="90" spans="2:2" x14ac:dyDescent="0.3">
      <c r="B90" s="68"/>
    </row>
    <row r="91" spans="2:2" x14ac:dyDescent="0.3">
      <c r="B91" s="68"/>
    </row>
    <row r="92" spans="2:2" x14ac:dyDescent="0.3">
      <c r="B92" s="68"/>
    </row>
    <row r="93" spans="2:2" x14ac:dyDescent="0.3">
      <c r="B93" s="68"/>
    </row>
    <row r="94" spans="2:2" x14ac:dyDescent="0.3">
      <c r="B94" s="68"/>
    </row>
    <row r="95" spans="2:2" x14ac:dyDescent="0.3">
      <c r="B95" s="68"/>
    </row>
    <row r="96" spans="2:2" x14ac:dyDescent="0.3">
      <c r="B96" s="68"/>
    </row>
    <row r="97" spans="2:2" x14ac:dyDescent="0.3">
      <c r="B97" s="68"/>
    </row>
    <row r="98" spans="2:2" x14ac:dyDescent="0.3">
      <c r="B98" s="68"/>
    </row>
    <row r="99" spans="2:2" x14ac:dyDescent="0.3">
      <c r="B99" s="68"/>
    </row>
    <row r="100" spans="2:2" x14ac:dyDescent="0.3">
      <c r="B100" s="68"/>
    </row>
    <row r="101" spans="2:2" x14ac:dyDescent="0.3">
      <c r="B101" s="68"/>
    </row>
    <row r="102" spans="2:2" x14ac:dyDescent="0.3">
      <c r="B102" s="68"/>
    </row>
    <row r="103" spans="2:2" x14ac:dyDescent="0.3">
      <c r="B103" s="49"/>
    </row>
    <row r="104" spans="2:2" x14ac:dyDescent="0.3">
      <c r="B104" s="49"/>
    </row>
    <row r="105" spans="2:2" x14ac:dyDescent="0.3">
      <c r="B105" s="49"/>
    </row>
    <row r="106" spans="2:2" x14ac:dyDescent="0.3">
      <c r="B106" s="49"/>
    </row>
    <row r="107" spans="2:2" x14ac:dyDescent="0.3">
      <c r="B107" s="49"/>
    </row>
    <row r="108" spans="2:2" x14ac:dyDescent="0.3">
      <c r="B108" s="49"/>
    </row>
    <row r="109" spans="2:2" x14ac:dyDescent="0.3">
      <c r="B109" s="49"/>
    </row>
    <row r="110" spans="2:2" x14ac:dyDescent="0.3">
      <c r="B110" s="49"/>
    </row>
    <row r="111" spans="2:2" x14ac:dyDescent="0.3">
      <c r="B111" s="49"/>
    </row>
    <row r="112" spans="2:2" x14ac:dyDescent="0.3">
      <c r="B112" s="49"/>
    </row>
    <row r="113" spans="2:2" x14ac:dyDescent="0.3">
      <c r="B113" s="68"/>
    </row>
    <row r="114" spans="2:2" x14ac:dyDescent="0.3">
      <c r="B114" s="68"/>
    </row>
    <row r="115" spans="2:2" x14ac:dyDescent="0.3">
      <c r="B115" s="68"/>
    </row>
    <row r="116" spans="2:2" x14ac:dyDescent="0.3">
      <c r="B116" s="68"/>
    </row>
    <row r="117" spans="2:2" x14ac:dyDescent="0.3">
      <c r="B117" s="68"/>
    </row>
    <row r="118" spans="2:2" x14ac:dyDescent="0.3">
      <c r="B118" s="68"/>
    </row>
    <row r="119" spans="2:2" x14ac:dyDescent="0.3">
      <c r="B119" s="68"/>
    </row>
    <row r="120" spans="2:2" x14ac:dyDescent="0.3">
      <c r="B120" s="68"/>
    </row>
    <row r="121" spans="2:2" x14ac:dyDescent="0.3">
      <c r="B121" s="47"/>
    </row>
    <row r="122" spans="2:2" x14ac:dyDescent="0.3">
      <c r="B122" s="68"/>
    </row>
    <row r="123" spans="2:2" x14ac:dyDescent="0.3">
      <c r="B123" s="68"/>
    </row>
    <row r="124" spans="2:2" x14ac:dyDescent="0.3">
      <c r="B124" s="68"/>
    </row>
    <row r="125" spans="2:2" x14ac:dyDescent="0.3">
      <c r="B125" s="68"/>
    </row>
    <row r="126" spans="2:2" x14ac:dyDescent="0.3">
      <c r="B126" s="68"/>
    </row>
    <row r="127" spans="2:2" x14ac:dyDescent="0.3">
      <c r="B127" s="68"/>
    </row>
    <row r="128" spans="2:2" x14ac:dyDescent="0.3">
      <c r="B128" s="68"/>
    </row>
    <row r="129" spans="2:2" x14ac:dyDescent="0.3">
      <c r="B129" s="68"/>
    </row>
    <row r="130" spans="2:2" x14ac:dyDescent="0.3">
      <c r="B130" s="68"/>
    </row>
    <row r="131" spans="2:2" x14ac:dyDescent="0.3">
      <c r="B131" s="68"/>
    </row>
    <row r="132" spans="2:2" x14ac:dyDescent="0.3">
      <c r="B132" s="68"/>
    </row>
    <row r="133" spans="2:2" x14ac:dyDescent="0.3">
      <c r="B133" s="68"/>
    </row>
    <row r="134" spans="2:2" x14ac:dyDescent="0.3">
      <c r="B134" s="68"/>
    </row>
    <row r="135" spans="2:2" x14ac:dyDescent="0.3">
      <c r="B135" s="68"/>
    </row>
    <row r="136" spans="2:2" x14ac:dyDescent="0.3">
      <c r="B136" s="68"/>
    </row>
    <row r="137" spans="2:2" x14ac:dyDescent="0.3">
      <c r="B137" s="68"/>
    </row>
    <row r="138" spans="2:2" x14ac:dyDescent="0.3">
      <c r="B138" s="68"/>
    </row>
    <row r="140" spans="2:2" x14ac:dyDescent="0.3">
      <c r="B140" s="68"/>
    </row>
    <row r="141" spans="2:2" x14ac:dyDescent="0.3">
      <c r="B141" s="68"/>
    </row>
    <row r="142" spans="2:2" x14ac:dyDescent="0.3">
      <c r="B142" s="68"/>
    </row>
    <row r="147" spans="2:2" x14ac:dyDescent="0.3">
      <c r="B147" s="57"/>
    </row>
    <row r="148" spans="2:2" x14ac:dyDescent="0.3">
      <c r="B148" s="97"/>
    </row>
    <row r="154" spans="2:2" x14ac:dyDescent="0.3">
      <c r="B154" s="69"/>
    </row>
    <row r="155" spans="2:2" x14ac:dyDescent="0.3">
      <c r="B155" s="68"/>
    </row>
    <row r="157" spans="2:2" x14ac:dyDescent="0.3">
      <c r="B157" s="68"/>
    </row>
    <row r="158" spans="2:2" x14ac:dyDescent="0.3">
      <c r="B158" s="68"/>
    </row>
    <row r="159" spans="2:2" x14ac:dyDescent="0.3">
      <c r="B159" s="68"/>
    </row>
    <row r="160" spans="2:2" x14ac:dyDescent="0.3">
      <c r="B160" s="68"/>
    </row>
    <row r="161" spans="2:2" x14ac:dyDescent="0.3">
      <c r="B161" s="68"/>
    </row>
    <row r="162" spans="2:2" x14ac:dyDescent="0.3">
      <c r="B162" s="68"/>
    </row>
    <row r="163" spans="2:2" x14ac:dyDescent="0.3">
      <c r="B163" s="68"/>
    </row>
    <row r="164" spans="2:2" x14ac:dyDescent="0.3">
      <c r="B164" s="68"/>
    </row>
    <row r="165" spans="2:2" x14ac:dyDescent="0.3">
      <c r="B165" s="68"/>
    </row>
    <row r="166" spans="2:2" x14ac:dyDescent="0.3">
      <c r="B166" s="68"/>
    </row>
    <row r="167" spans="2:2" x14ac:dyDescent="0.3">
      <c r="B167" s="68"/>
    </row>
    <row r="168" spans="2:2" x14ac:dyDescent="0.3">
      <c r="B168" s="68"/>
    </row>
    <row r="265" spans="2:2" x14ac:dyDescent="0.3">
      <c r="B265" s="65"/>
    </row>
    <row r="266" spans="2:2" x14ac:dyDescent="0.3">
      <c r="B266" s="68"/>
    </row>
    <row r="267" spans="2:2" x14ac:dyDescent="0.3">
      <c r="B267" s="68"/>
    </row>
    <row r="270" spans="2:2" x14ac:dyDescent="0.3">
      <c r="B270" s="68"/>
    </row>
    <row r="286" spans="2:2" x14ac:dyDescent="0.3">
      <c r="B286" s="65"/>
    </row>
    <row r="316" spans="2:2" x14ac:dyDescent="0.3">
      <c r="B316" s="57"/>
    </row>
    <row r="317" spans="2:2" x14ac:dyDescent="0.3">
      <c r="B317" s="68"/>
    </row>
    <row r="319" spans="2:2" x14ac:dyDescent="0.3">
      <c r="B319" s="68"/>
    </row>
    <row r="320" spans="2:2" x14ac:dyDescent="0.3">
      <c r="B320" s="68"/>
    </row>
    <row r="321" spans="2:2" x14ac:dyDescent="0.3">
      <c r="B321" s="68"/>
    </row>
    <row r="322" spans="2:2" x14ac:dyDescent="0.3">
      <c r="B322" s="68"/>
    </row>
    <row r="323" spans="2:2" x14ac:dyDescent="0.3">
      <c r="B323" s="68"/>
    </row>
    <row r="324" spans="2:2" x14ac:dyDescent="0.3">
      <c r="B324" s="68"/>
    </row>
    <row r="325" spans="2:2" x14ac:dyDescent="0.3">
      <c r="B325" s="68"/>
    </row>
    <row r="326" spans="2:2" x14ac:dyDescent="0.3">
      <c r="B326" s="68"/>
    </row>
    <row r="327" spans="2:2" x14ac:dyDescent="0.3">
      <c r="B327" s="68"/>
    </row>
    <row r="328" spans="2:2" x14ac:dyDescent="0.3">
      <c r="B328" s="68"/>
    </row>
    <row r="329" spans="2:2" x14ac:dyDescent="0.3">
      <c r="B329" s="68"/>
    </row>
    <row r="330" spans="2:2" x14ac:dyDescent="0.3">
      <c r="B330" s="68"/>
    </row>
    <row r="342" spans="2:2" x14ac:dyDescent="0.3">
      <c r="B342" s="68"/>
    </row>
    <row r="343" spans="2:2" x14ac:dyDescent="0.3">
      <c r="B343" s="68"/>
    </row>
    <row r="344" spans="2:2" x14ac:dyDescent="0.3">
      <c r="B344" s="68"/>
    </row>
    <row r="345" spans="2:2" x14ac:dyDescent="0.3">
      <c r="B345" s="68"/>
    </row>
    <row r="346" spans="2:2" x14ac:dyDescent="0.3">
      <c r="B346" s="68"/>
    </row>
    <row r="347" spans="2:2" x14ac:dyDescent="0.3">
      <c r="B347" s="68"/>
    </row>
    <row r="348" spans="2:2" x14ac:dyDescent="0.3">
      <c r="B348" s="68"/>
    </row>
    <row r="349" spans="2:2" x14ac:dyDescent="0.3">
      <c r="B349" s="68"/>
    </row>
    <row r="350" spans="2:2" x14ac:dyDescent="0.3">
      <c r="B350" s="68"/>
    </row>
    <row r="352" spans="2:2" x14ac:dyDescent="0.3">
      <c r="B352" s="68"/>
    </row>
    <row r="353" spans="2:2" x14ac:dyDescent="0.3">
      <c r="B353" s="68"/>
    </row>
    <row r="354" spans="2:2" x14ac:dyDescent="0.3">
      <c r="B354" s="68"/>
    </row>
    <row r="355" spans="2:2" x14ac:dyDescent="0.3">
      <c r="B355" s="68"/>
    </row>
    <row r="356" spans="2:2" x14ac:dyDescent="0.3">
      <c r="B356" s="68"/>
    </row>
    <row r="358" spans="2:2" x14ac:dyDescent="0.3">
      <c r="B358" s="68"/>
    </row>
    <row r="361" spans="2:2" x14ac:dyDescent="0.3">
      <c r="B361" s="68"/>
    </row>
    <row r="364" spans="2:2" x14ac:dyDescent="0.3">
      <c r="B364" s="68"/>
    </row>
    <row r="365" spans="2:2" x14ac:dyDescent="0.3">
      <c r="B365" s="68"/>
    </row>
    <row r="366" spans="2:2" x14ac:dyDescent="0.3">
      <c r="B366" s="68"/>
    </row>
    <row r="367" spans="2:2" x14ac:dyDescent="0.3">
      <c r="B367" s="68"/>
    </row>
    <row r="368" spans="2:2" x14ac:dyDescent="0.3">
      <c r="B368" s="68"/>
    </row>
    <row r="369" spans="2:2" x14ac:dyDescent="0.3">
      <c r="B369" s="68"/>
    </row>
    <row r="370" spans="2:2" x14ac:dyDescent="0.3">
      <c r="B370" s="68"/>
    </row>
    <row r="371" spans="2:2" x14ac:dyDescent="0.3">
      <c r="B371" s="68"/>
    </row>
    <row r="372" spans="2:2" x14ac:dyDescent="0.3">
      <c r="B372" s="68"/>
    </row>
    <row r="373" spans="2:2" x14ac:dyDescent="0.3">
      <c r="B373" s="68"/>
    </row>
    <row r="374" spans="2:2" x14ac:dyDescent="0.3">
      <c r="B374" s="68"/>
    </row>
    <row r="375" spans="2:2" x14ac:dyDescent="0.3">
      <c r="B375" s="68"/>
    </row>
    <row r="376" spans="2:2" x14ac:dyDescent="0.3">
      <c r="B376" s="68"/>
    </row>
    <row r="377" spans="2:2" x14ac:dyDescent="0.3">
      <c r="B377" s="68"/>
    </row>
    <row r="378" spans="2:2" x14ac:dyDescent="0.3">
      <c r="B378" s="68"/>
    </row>
    <row r="379" spans="2:2" x14ac:dyDescent="0.3">
      <c r="B379" s="68"/>
    </row>
    <row r="380" spans="2:2" x14ac:dyDescent="0.3">
      <c r="B380" s="68"/>
    </row>
    <row r="381" spans="2:2" x14ac:dyDescent="0.3">
      <c r="B381" s="68"/>
    </row>
    <row r="382" spans="2:2" x14ac:dyDescent="0.3">
      <c r="B382" s="68"/>
    </row>
    <row r="386" spans="2:2" x14ac:dyDescent="0.3">
      <c r="B386" s="57"/>
    </row>
    <row r="403" spans="2:2" x14ac:dyDescent="0.3">
      <c r="B403" s="98"/>
    </row>
  </sheetData>
  <sheetProtection algorithmName="SHA-512" hashValue="Y3RNaoEIJYcVknV2VnJ2A/ntkQ0bLf9Ayy0gXw8HwLdZUJlVLSF1OnWy+z97OJw/jXqINQ7NRCRawGR1hZfzQg==" saltValue="xd6zKPRWLXNxaIEF+Qbicw==" spinCount="100000" sheet="1" formatCells="0" formatColumns="0" formatRows="0" insertHyperlinks="0" sort="0" autoFilter="0" pivotTables="0"/>
  <protectedRanges>
    <protectedRange sqref="B21 C52:C88 B52 B24:B27 C13:C20 C29:C31 A53:B88 C23:C27 C6:C11 B32:C43" name="Glossary"/>
  </protectedRanges>
  <phoneticPr fontId="46" type="noConversion"/>
  <pageMargins left="0.70866141732283472" right="0.70866141732283472" top="0.74803149606299213" bottom="0.74803149606299213" header="0.31496062992125984" footer="0.31496062992125984"/>
  <pageSetup paperSize="9" scale="50" orientation="landscape" r:id="rId1"/>
  <headerFooter>
    <oddHeader>&amp;R&amp;G</oddHeader>
  </headerFooter>
  <legacyDrawingHF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tabColor rgb="FFE36E00"/>
  </sheetPr>
  <dimension ref="A1:N413"/>
  <sheetViews>
    <sheetView zoomScale="85" zoomScaleNormal="85" workbookViewId="0">
      <selection activeCell="C18" sqref="C18"/>
    </sheetView>
  </sheetViews>
  <sheetFormatPr defaultColWidth="8.88671875" defaultRowHeight="14.4" outlineLevelRow="1" x14ac:dyDescent="0.3"/>
  <cols>
    <col min="1" max="1" width="13.33203125" style="51" customWidth="1"/>
    <col min="2" max="2" width="60.6640625" style="51" customWidth="1"/>
    <col min="3" max="3" width="39.109375" style="51" bestFit="1" customWidth="1"/>
    <col min="4" max="4" width="35.109375" style="51" bestFit="1" customWidth="1"/>
    <col min="5" max="5" width="6.6640625" style="51" customWidth="1"/>
    <col min="6" max="6" width="41.6640625" style="51" customWidth="1"/>
    <col min="7" max="7" width="41.6640625" style="49" customWidth="1"/>
    <col min="8" max="8" width="7.33203125" style="51" customWidth="1"/>
    <col min="9" max="10" width="38.109375" style="51" customWidth="1"/>
    <col min="11" max="11" width="47.6640625" style="51" customWidth="1"/>
    <col min="12" max="12" width="7.33203125" style="51" customWidth="1"/>
    <col min="13" max="13" width="25.6640625" style="51" customWidth="1"/>
    <col min="14" max="14" width="25.6640625" style="49" customWidth="1"/>
    <col min="15" max="16384" width="8.88671875" style="80"/>
  </cols>
  <sheetData>
    <row r="1" spans="1:13" ht="31.2" x14ac:dyDescent="0.3">
      <c r="A1" s="48" t="s">
        <v>1104</v>
      </c>
      <c r="B1" s="48"/>
      <c r="C1" s="49"/>
      <c r="D1" s="49"/>
      <c r="E1" s="49"/>
      <c r="F1" s="171" t="s">
        <v>1727</v>
      </c>
      <c r="H1" s="49"/>
      <c r="I1" s="48"/>
      <c r="J1" s="49"/>
      <c r="K1" s="49"/>
      <c r="L1" s="49"/>
      <c r="M1" s="49"/>
    </row>
    <row r="2" spans="1:13" ht="15" thickBot="1" x14ac:dyDescent="0.35">
      <c r="A2" s="49"/>
      <c r="B2" s="50"/>
      <c r="C2" s="50"/>
      <c r="D2" s="49"/>
      <c r="E2" s="49"/>
      <c r="F2" s="49"/>
      <c r="H2" s="49"/>
      <c r="L2" s="49"/>
      <c r="M2" s="49"/>
    </row>
    <row r="3" spans="1:13" ht="18.600000000000001" thickBot="1" x14ac:dyDescent="0.35">
      <c r="A3" s="52"/>
      <c r="B3" s="53" t="s">
        <v>69</v>
      </c>
      <c r="C3" s="54" t="s">
        <v>202</v>
      </c>
      <c r="D3" s="52"/>
      <c r="E3" s="52"/>
      <c r="F3" s="49"/>
      <c r="G3" s="52"/>
      <c r="H3" s="49"/>
      <c r="L3" s="49"/>
      <c r="M3" s="49"/>
    </row>
    <row r="4" spans="1:13" ht="15" thickBot="1" x14ac:dyDescent="0.35">
      <c r="H4" s="49"/>
      <c r="L4" s="49"/>
      <c r="M4" s="49"/>
    </row>
    <row r="5" spans="1:13" ht="18" x14ac:dyDescent="0.3">
      <c r="A5" s="55"/>
      <c r="B5" s="56" t="s">
        <v>70</v>
      </c>
      <c r="C5" s="55"/>
      <c r="E5" s="57"/>
      <c r="F5" s="57"/>
      <c r="H5" s="49"/>
      <c r="L5" s="49"/>
      <c r="M5" s="49"/>
    </row>
    <row r="6" spans="1:13" x14ac:dyDescent="0.3">
      <c r="B6" s="59" t="s">
        <v>71</v>
      </c>
      <c r="C6" s="57"/>
      <c r="D6" s="57"/>
      <c r="H6" s="49"/>
      <c r="L6" s="49"/>
      <c r="M6" s="49"/>
    </row>
    <row r="7" spans="1:13" x14ac:dyDescent="0.3">
      <c r="B7" s="58" t="s">
        <v>72</v>
      </c>
      <c r="C7" s="57"/>
      <c r="D7" s="57"/>
      <c r="H7" s="49"/>
      <c r="L7" s="49"/>
      <c r="M7" s="49"/>
    </row>
    <row r="8" spans="1:13" x14ac:dyDescent="0.3">
      <c r="B8" s="58" t="s">
        <v>73</v>
      </c>
      <c r="C8" s="57"/>
      <c r="D8" s="57"/>
      <c r="F8" s="51" t="s">
        <v>74</v>
      </c>
      <c r="H8" s="49"/>
      <c r="L8" s="49"/>
      <c r="M8" s="49"/>
    </row>
    <row r="9" spans="1:13" x14ac:dyDescent="0.3">
      <c r="B9" s="59" t="s">
        <v>1581</v>
      </c>
      <c r="H9" s="49"/>
      <c r="L9" s="49"/>
      <c r="M9" s="49"/>
    </row>
    <row r="10" spans="1:13" x14ac:dyDescent="0.3">
      <c r="B10" s="59" t="s">
        <v>75</v>
      </c>
      <c r="H10" s="49"/>
      <c r="L10" s="49"/>
      <c r="M10" s="49"/>
    </row>
    <row r="11" spans="1:13" ht="15" thickBot="1" x14ac:dyDescent="0.35">
      <c r="B11" s="60" t="s">
        <v>76</v>
      </c>
      <c r="H11" s="49"/>
      <c r="L11" s="49"/>
      <c r="M11" s="49"/>
    </row>
    <row r="12" spans="1:13" x14ac:dyDescent="0.3">
      <c r="B12" s="61"/>
      <c r="H12" s="49"/>
      <c r="L12" s="49"/>
      <c r="M12" s="49"/>
    </row>
    <row r="13" spans="1:13" ht="36" x14ac:dyDescent="0.3">
      <c r="A13" s="62" t="s">
        <v>77</v>
      </c>
      <c r="B13" s="62" t="s">
        <v>71</v>
      </c>
      <c r="C13" s="63"/>
      <c r="D13" s="63"/>
      <c r="E13" s="63"/>
      <c r="F13" s="63"/>
      <c r="G13" s="64"/>
      <c r="H13" s="49"/>
      <c r="L13" s="49"/>
      <c r="M13" s="49"/>
    </row>
    <row r="14" spans="1:13" x14ac:dyDescent="0.3">
      <c r="A14" s="51" t="s">
        <v>78</v>
      </c>
      <c r="B14" s="65" t="s">
        <v>0</v>
      </c>
      <c r="C14" s="51" t="s">
        <v>532</v>
      </c>
      <c r="E14" s="57"/>
      <c r="F14" s="57"/>
      <c r="H14" s="49"/>
      <c r="L14" s="49"/>
      <c r="M14" s="49"/>
    </row>
    <row r="15" spans="1:13" x14ac:dyDescent="0.3">
      <c r="A15" s="51" t="s">
        <v>80</v>
      </c>
      <c r="B15" s="65" t="s">
        <v>81</v>
      </c>
      <c r="C15" s="51" t="s">
        <v>1744</v>
      </c>
      <c r="E15" s="57"/>
      <c r="F15" s="57"/>
      <c r="H15" s="49"/>
      <c r="L15" s="49"/>
      <c r="M15" s="49"/>
    </row>
    <row r="16" spans="1:13" x14ac:dyDescent="0.3">
      <c r="A16" s="51" t="s">
        <v>82</v>
      </c>
      <c r="B16" s="65" t="s">
        <v>1696</v>
      </c>
      <c r="E16" s="57"/>
      <c r="F16" s="57"/>
      <c r="H16" s="49"/>
      <c r="L16" s="49"/>
      <c r="M16" s="49"/>
    </row>
    <row r="17" spans="1:13" ht="43.2" x14ac:dyDescent="0.3">
      <c r="A17" s="51" t="s">
        <v>84</v>
      </c>
      <c r="B17" s="65" t="s">
        <v>83</v>
      </c>
      <c r="C17" s="51" t="s">
        <v>1745</v>
      </c>
      <c r="E17" s="57"/>
      <c r="F17" s="57"/>
      <c r="H17" s="49"/>
      <c r="L17" s="49"/>
      <c r="M17" s="49"/>
    </row>
    <row r="18" spans="1:13" outlineLevel="1" x14ac:dyDescent="0.3">
      <c r="A18" s="51" t="s">
        <v>1695</v>
      </c>
      <c r="B18" s="65" t="s">
        <v>85</v>
      </c>
      <c r="C18" s="51" t="str">
        <f>RIGHT(+Introduction!F9,10)</f>
        <v>31/03/2026</v>
      </c>
      <c r="E18" s="57"/>
      <c r="F18" s="57"/>
      <c r="H18" s="49"/>
      <c r="L18" s="49"/>
      <c r="M18" s="49"/>
    </row>
    <row r="19" spans="1:13" outlineLevel="1" x14ac:dyDescent="0.3">
      <c r="A19" s="51" t="s">
        <v>1717</v>
      </c>
      <c r="B19" s="65" t="s">
        <v>1725</v>
      </c>
      <c r="E19" s="57"/>
      <c r="F19" s="57"/>
      <c r="H19" s="49"/>
      <c r="L19" s="49"/>
      <c r="M19" s="49"/>
    </row>
    <row r="20" spans="1:13" outlineLevel="1" x14ac:dyDescent="0.3">
      <c r="A20" s="51" t="s">
        <v>87</v>
      </c>
      <c r="B20" s="66" t="s">
        <v>86</v>
      </c>
      <c r="E20" s="57"/>
      <c r="F20" s="57"/>
      <c r="H20" s="49"/>
      <c r="L20" s="49"/>
      <c r="M20" s="49"/>
    </row>
    <row r="21" spans="1:13" outlineLevel="1" x14ac:dyDescent="0.3">
      <c r="A21" s="51" t="s">
        <v>89</v>
      </c>
      <c r="B21" s="66" t="s">
        <v>88</v>
      </c>
      <c r="E21" s="57"/>
      <c r="F21" s="57"/>
      <c r="H21" s="49"/>
      <c r="L21" s="49"/>
      <c r="M21" s="49"/>
    </row>
    <row r="22" spans="1:13" outlineLevel="1" x14ac:dyDescent="0.3">
      <c r="A22" s="51" t="s">
        <v>90</v>
      </c>
      <c r="B22" s="66"/>
      <c r="E22" s="57"/>
      <c r="F22" s="57"/>
      <c r="H22" s="49"/>
      <c r="L22" s="49"/>
      <c r="M22" s="49"/>
    </row>
    <row r="23" spans="1:13" outlineLevel="1" x14ac:dyDescent="0.3">
      <c r="A23" s="51" t="s">
        <v>91</v>
      </c>
      <c r="B23" s="66"/>
      <c r="E23" s="57"/>
      <c r="F23" s="57"/>
      <c r="H23" s="49"/>
      <c r="L23" s="49"/>
      <c r="M23" s="49"/>
    </row>
    <row r="24" spans="1:13" outlineLevel="1" x14ac:dyDescent="0.3">
      <c r="A24" s="51" t="s">
        <v>92</v>
      </c>
      <c r="B24" s="66"/>
      <c r="E24" s="57"/>
      <c r="F24" s="57"/>
      <c r="H24" s="49"/>
      <c r="L24" s="49"/>
      <c r="M24" s="49"/>
    </row>
    <row r="25" spans="1:13" outlineLevel="1" x14ac:dyDescent="0.3">
      <c r="A25" s="51" t="s">
        <v>93</v>
      </c>
      <c r="B25" s="66"/>
      <c r="E25" s="57"/>
      <c r="F25" s="57"/>
      <c r="H25" s="49"/>
      <c r="L25" s="49"/>
      <c r="M25" s="49"/>
    </row>
    <row r="26" spans="1:13" ht="18" x14ac:dyDescent="0.3">
      <c r="A26" s="63"/>
      <c r="B26" s="62" t="s">
        <v>72</v>
      </c>
      <c r="C26" s="63"/>
      <c r="D26" s="63"/>
      <c r="E26" s="63"/>
      <c r="F26" s="63"/>
      <c r="G26" s="64"/>
      <c r="H26" s="49"/>
      <c r="L26" s="49"/>
      <c r="M26" s="49"/>
    </row>
    <row r="27" spans="1:13" x14ac:dyDescent="0.3">
      <c r="A27" s="51" t="s">
        <v>94</v>
      </c>
      <c r="B27" s="67" t="s">
        <v>1715</v>
      </c>
      <c r="C27" s="51" t="s">
        <v>1746</v>
      </c>
      <c r="D27" s="68"/>
      <c r="E27" s="68"/>
      <c r="F27" s="68"/>
      <c r="H27" s="49"/>
      <c r="L27" s="49"/>
      <c r="M27" s="49"/>
    </row>
    <row r="28" spans="1:13" x14ac:dyDescent="0.3">
      <c r="A28" s="51" t="s">
        <v>95</v>
      </c>
      <c r="B28" s="157" t="s">
        <v>1677</v>
      </c>
      <c r="C28" s="142" t="s">
        <v>1746</v>
      </c>
      <c r="D28" s="68"/>
      <c r="E28" s="68"/>
      <c r="F28" s="68"/>
      <c r="H28" s="49"/>
      <c r="L28" s="49"/>
    </row>
    <row r="29" spans="1:13" x14ac:dyDescent="0.3">
      <c r="A29" s="51" t="s">
        <v>97</v>
      </c>
      <c r="B29" s="67" t="s">
        <v>96</v>
      </c>
      <c r="C29" s="51" t="s">
        <v>1746</v>
      </c>
      <c r="E29" s="68"/>
      <c r="F29" s="68"/>
      <c r="H29" s="49"/>
      <c r="L29" s="49"/>
    </row>
    <row r="30" spans="1:13" ht="43.2" outlineLevel="1" x14ac:dyDescent="0.3">
      <c r="A30" s="51" t="s">
        <v>99</v>
      </c>
      <c r="B30" s="67" t="s">
        <v>98</v>
      </c>
      <c r="C30" s="51" t="s">
        <v>1747</v>
      </c>
      <c r="E30" s="68"/>
      <c r="F30" s="68"/>
      <c r="H30" s="49"/>
      <c r="L30" s="49"/>
    </row>
    <row r="31" spans="1:13" outlineLevel="1" x14ac:dyDescent="0.3">
      <c r="A31" s="51" t="s">
        <v>100</v>
      </c>
      <c r="B31" s="67"/>
      <c r="E31" s="68"/>
      <c r="F31" s="68"/>
      <c r="H31" s="49"/>
      <c r="L31" s="49"/>
      <c r="M31" s="49"/>
    </row>
    <row r="32" spans="1:13" outlineLevel="1" x14ac:dyDescent="0.3">
      <c r="A32" s="51" t="s">
        <v>101</v>
      </c>
      <c r="B32" s="67"/>
      <c r="E32" s="68"/>
      <c r="F32" s="68"/>
      <c r="H32" s="49"/>
      <c r="L32" s="49"/>
      <c r="M32" s="49"/>
    </row>
    <row r="33" spans="1:14" outlineLevel="1" x14ac:dyDescent="0.3">
      <c r="A33" s="51" t="s">
        <v>102</v>
      </c>
      <c r="B33" s="67"/>
      <c r="E33" s="68"/>
      <c r="F33" s="68"/>
      <c r="H33" s="49"/>
      <c r="L33" s="49"/>
      <c r="M33" s="49"/>
    </row>
    <row r="34" spans="1:14" outlineLevel="1" x14ac:dyDescent="0.3">
      <c r="A34" s="51" t="s">
        <v>103</v>
      </c>
      <c r="B34" s="67"/>
      <c r="E34" s="68"/>
      <c r="F34" s="68"/>
      <c r="H34" s="49"/>
      <c r="L34" s="49"/>
      <c r="M34" s="49"/>
    </row>
    <row r="35" spans="1:14" outlineLevel="1" x14ac:dyDescent="0.3">
      <c r="A35" s="51" t="s">
        <v>104</v>
      </c>
      <c r="B35" s="69"/>
      <c r="E35" s="68"/>
      <c r="F35" s="68"/>
      <c r="H35" s="49"/>
      <c r="L35" s="49"/>
      <c r="M35" s="49"/>
    </row>
    <row r="36" spans="1:14" ht="18" x14ac:dyDescent="0.3">
      <c r="A36" s="62"/>
      <c r="B36" s="62" t="s">
        <v>73</v>
      </c>
      <c r="C36" s="62"/>
      <c r="D36" s="63"/>
      <c r="E36" s="63"/>
      <c r="F36" s="63"/>
      <c r="G36" s="64"/>
      <c r="H36" s="49"/>
      <c r="L36" s="49"/>
      <c r="M36" s="49"/>
    </row>
    <row r="37" spans="1:14" ht="15" customHeight="1" x14ac:dyDescent="0.3">
      <c r="A37" s="70"/>
      <c r="B37" s="71" t="s">
        <v>105</v>
      </c>
      <c r="C37" s="70" t="s">
        <v>106</v>
      </c>
      <c r="D37" s="72"/>
      <c r="E37" s="72"/>
      <c r="F37" s="72"/>
      <c r="G37" s="73"/>
      <c r="H37" s="49"/>
      <c r="L37" s="49"/>
      <c r="M37" s="49"/>
    </row>
    <row r="38" spans="1:14" x14ac:dyDescent="0.3">
      <c r="A38" s="51" t="s">
        <v>3</v>
      </c>
      <c r="B38" s="68" t="s">
        <v>982</v>
      </c>
      <c r="C38" s="123">
        <v>15113.60016263033</v>
      </c>
      <c r="F38" s="68"/>
      <c r="H38" s="49"/>
      <c r="L38" s="49"/>
      <c r="M38" s="49"/>
    </row>
    <row r="39" spans="1:14" x14ac:dyDescent="0.3">
      <c r="A39" s="51" t="s">
        <v>107</v>
      </c>
      <c r="B39" s="68" t="s">
        <v>108</v>
      </c>
      <c r="C39" s="123">
        <v>11981.4</v>
      </c>
      <c r="F39" s="68"/>
      <c r="H39" s="49"/>
      <c r="L39" s="49"/>
      <c r="M39" s="49"/>
      <c r="N39" s="80"/>
    </row>
    <row r="40" spans="1:14" outlineLevel="1" x14ac:dyDescent="0.3">
      <c r="A40" s="51" t="s">
        <v>109</v>
      </c>
      <c r="B40" s="74" t="s">
        <v>110</v>
      </c>
      <c r="C40" s="123">
        <v>14548.576806763598</v>
      </c>
      <c r="F40" s="68"/>
      <c r="H40" s="49"/>
      <c r="L40" s="49"/>
      <c r="M40" s="49"/>
      <c r="N40" s="80"/>
    </row>
    <row r="41" spans="1:14" outlineLevel="1" x14ac:dyDescent="0.3">
      <c r="A41" s="51" t="s">
        <v>112</v>
      </c>
      <c r="B41" s="74" t="s">
        <v>113</v>
      </c>
      <c r="C41" s="123">
        <v>11684.443847595699</v>
      </c>
      <c r="F41" s="68"/>
      <c r="H41" s="49"/>
      <c r="L41" s="49"/>
      <c r="M41" s="49"/>
      <c r="N41" s="80"/>
    </row>
    <row r="42" spans="1:14" outlineLevel="1" x14ac:dyDescent="0.3">
      <c r="A42" s="51" t="s">
        <v>114</v>
      </c>
      <c r="B42" s="74"/>
      <c r="C42" s="123"/>
      <c r="F42" s="68"/>
      <c r="H42" s="49"/>
      <c r="L42" s="49"/>
      <c r="M42" s="49"/>
      <c r="N42" s="80"/>
    </row>
    <row r="43" spans="1:14" outlineLevel="1" x14ac:dyDescent="0.3">
      <c r="A43" s="49" t="s">
        <v>1174</v>
      </c>
      <c r="B43" s="68"/>
      <c r="F43" s="68"/>
      <c r="H43" s="49"/>
      <c r="L43" s="49"/>
      <c r="M43" s="49"/>
      <c r="N43" s="80"/>
    </row>
    <row r="44" spans="1:14" ht="15" customHeight="1" x14ac:dyDescent="0.3">
      <c r="A44" s="70"/>
      <c r="B44" s="70" t="s">
        <v>115</v>
      </c>
      <c r="C44" s="70" t="s">
        <v>1617</v>
      </c>
      <c r="D44" s="70" t="s">
        <v>1660</v>
      </c>
      <c r="E44" s="70"/>
      <c r="F44" s="70" t="s">
        <v>1659</v>
      </c>
      <c r="G44" s="70" t="s">
        <v>116</v>
      </c>
      <c r="I44" s="49"/>
      <c r="J44" s="49"/>
      <c r="K44" s="80"/>
      <c r="L44" s="80"/>
      <c r="M44" s="80"/>
      <c r="N44" s="80"/>
    </row>
    <row r="45" spans="1:14" x14ac:dyDescent="0.3">
      <c r="A45" s="51" t="s">
        <v>7</v>
      </c>
      <c r="B45" s="68" t="s">
        <v>117</v>
      </c>
      <c r="C45" s="122">
        <v>0.05</v>
      </c>
      <c r="D45" s="122">
        <f>IF(OR(C38="[For completion]",C39="[For completion]"),"Please complete G.3.1.1 and G.3.1.2",(C38/C39-1-MAX(C45,F45)))</f>
        <v>0.11142188413961054</v>
      </c>
      <c r="E45" s="122"/>
      <c r="F45" s="122">
        <v>0.15</v>
      </c>
      <c r="G45" s="51" t="s">
        <v>1748</v>
      </c>
      <c r="H45" s="49"/>
      <c r="L45" s="49"/>
      <c r="M45" s="49"/>
      <c r="N45" s="80"/>
    </row>
    <row r="46" spans="1:14" outlineLevel="1" x14ac:dyDescent="0.3">
      <c r="C46" s="122"/>
      <c r="D46" s="122"/>
      <c r="E46" s="122"/>
      <c r="F46" s="122"/>
      <c r="G46" s="86"/>
      <c r="H46" s="49"/>
      <c r="L46" s="49"/>
      <c r="M46" s="49"/>
      <c r="N46" s="80"/>
    </row>
    <row r="47" spans="1:14" outlineLevel="1" x14ac:dyDescent="0.3">
      <c r="A47" s="167" t="s">
        <v>1697</v>
      </c>
      <c r="B47" s="167" t="s">
        <v>1698</v>
      </c>
      <c r="C47" s="173">
        <f>IF(OR(C38="[For completion]",C39="[For completion]"),"", C38-C39)</f>
        <v>3132.2001626303299</v>
      </c>
      <c r="D47" s="122"/>
      <c r="E47" s="122"/>
      <c r="F47" s="122"/>
      <c r="G47" s="86"/>
      <c r="H47" s="49"/>
      <c r="L47" s="49"/>
      <c r="M47" s="49"/>
      <c r="N47" s="80"/>
    </row>
    <row r="48" spans="1:14" outlineLevel="1" x14ac:dyDescent="0.3">
      <c r="A48" s="51" t="s">
        <v>118</v>
      </c>
      <c r="C48" s="86"/>
      <c r="D48" s="86"/>
      <c r="E48" s="86"/>
      <c r="F48" s="86"/>
      <c r="G48" s="86"/>
      <c r="H48" s="49"/>
      <c r="L48" s="49"/>
      <c r="M48" s="49"/>
      <c r="N48" s="80"/>
    </row>
    <row r="49" spans="1:14" outlineLevel="1" x14ac:dyDescent="0.3">
      <c r="A49" s="51" t="s">
        <v>120</v>
      </c>
      <c r="B49" s="66" t="s">
        <v>119</v>
      </c>
      <c r="C49" s="86"/>
      <c r="D49" s="86"/>
      <c r="E49" s="86"/>
      <c r="F49" s="86"/>
      <c r="G49" s="86"/>
      <c r="H49" s="49"/>
      <c r="L49" s="49"/>
      <c r="M49" s="49"/>
      <c r="N49" s="80"/>
    </row>
    <row r="50" spans="1:14" outlineLevel="1" x14ac:dyDescent="0.3">
      <c r="A50" s="51" t="s">
        <v>122</v>
      </c>
      <c r="B50" s="66" t="s">
        <v>121</v>
      </c>
      <c r="C50" s="86"/>
      <c r="D50" s="86"/>
      <c r="E50" s="86"/>
      <c r="F50" s="86"/>
      <c r="G50" s="86"/>
      <c r="H50" s="49"/>
      <c r="L50" s="49"/>
      <c r="M50" s="49"/>
      <c r="N50" s="80"/>
    </row>
    <row r="51" spans="1:14" outlineLevel="1" x14ac:dyDescent="0.3">
      <c r="A51" s="51" t="s">
        <v>123</v>
      </c>
      <c r="B51" s="66"/>
      <c r="C51" s="86"/>
      <c r="D51" s="86"/>
      <c r="E51" s="86"/>
      <c r="F51" s="86"/>
      <c r="G51" s="86"/>
      <c r="H51" s="49"/>
      <c r="L51" s="49"/>
      <c r="M51" s="49"/>
      <c r="N51" s="80"/>
    </row>
    <row r="52" spans="1:14" ht="15" customHeight="1" x14ac:dyDescent="0.3">
      <c r="A52" s="70"/>
      <c r="B52" s="71" t="s">
        <v>124</v>
      </c>
      <c r="C52" s="70" t="s">
        <v>106</v>
      </c>
      <c r="D52" s="70"/>
      <c r="E52" s="72"/>
      <c r="F52" s="73" t="s">
        <v>125</v>
      </c>
      <c r="G52" s="73"/>
      <c r="H52" s="49"/>
      <c r="L52" s="49"/>
      <c r="M52" s="49"/>
      <c r="N52" s="80"/>
    </row>
    <row r="53" spans="1:14" x14ac:dyDescent="0.3">
      <c r="A53" s="51" t="s">
        <v>126</v>
      </c>
      <c r="B53" s="68" t="s">
        <v>127</v>
      </c>
      <c r="C53" s="123">
        <v>14769.10016263033</v>
      </c>
      <c r="E53" s="75"/>
      <c r="F53" s="129">
        <f>IF($C$58=0,"",IF(C53="[for completion]","",C53/$C$58))</f>
        <v>0.97720596044006736</v>
      </c>
      <c r="G53" s="76"/>
      <c r="H53" s="49"/>
      <c r="L53" s="49"/>
      <c r="M53" s="49"/>
      <c r="N53" s="80"/>
    </row>
    <row r="54" spans="1:14" x14ac:dyDescent="0.3">
      <c r="A54" s="51" t="s">
        <v>128</v>
      </c>
      <c r="B54" s="68" t="s">
        <v>129</v>
      </c>
      <c r="C54" s="123">
        <v>0</v>
      </c>
      <c r="E54" s="75"/>
      <c r="F54" s="129">
        <f>IF($C$58=0,"",IF(C54="[for completion]","",C54/$C$58))</f>
        <v>0</v>
      </c>
      <c r="G54" s="76"/>
      <c r="H54" s="49"/>
      <c r="L54" s="49"/>
      <c r="M54" s="49"/>
      <c r="N54" s="80"/>
    </row>
    <row r="55" spans="1:14" x14ac:dyDescent="0.3">
      <c r="A55" s="51" t="s">
        <v>130</v>
      </c>
      <c r="B55" s="68" t="s">
        <v>131</v>
      </c>
      <c r="C55" s="123">
        <v>0</v>
      </c>
      <c r="E55" s="75"/>
      <c r="F55" s="129">
        <f>IF($C$58=0,"",IF(C55="[for completion]","",C55/$C$58))</f>
        <v>0</v>
      </c>
      <c r="G55" s="76"/>
      <c r="H55" s="49"/>
      <c r="L55" s="49"/>
      <c r="M55" s="49"/>
      <c r="N55" s="80"/>
    </row>
    <row r="56" spans="1:14" x14ac:dyDescent="0.3">
      <c r="A56" s="51" t="s">
        <v>132</v>
      </c>
      <c r="B56" s="68" t="s">
        <v>133</v>
      </c>
      <c r="C56" s="123">
        <v>344.5</v>
      </c>
      <c r="E56" s="75"/>
      <c r="F56" s="129">
        <f>IF($C$58=0,"",IF(C56="[for completion]","",C56/$C$58))</f>
        <v>2.2794039559932634E-2</v>
      </c>
      <c r="G56" s="76"/>
      <c r="H56" s="49"/>
      <c r="L56" s="49"/>
      <c r="M56" s="49"/>
      <c r="N56" s="80"/>
    </row>
    <row r="57" spans="1:14" x14ac:dyDescent="0.3">
      <c r="A57" s="51" t="s">
        <v>134</v>
      </c>
      <c r="B57" s="51" t="s">
        <v>135</v>
      </c>
      <c r="C57" s="123">
        <v>0</v>
      </c>
      <c r="E57" s="75"/>
      <c r="F57" s="129">
        <f>IF($C$58=0,"",IF(C57="[for completion]","",C57/$C$58))</f>
        <v>0</v>
      </c>
      <c r="G57" s="76"/>
      <c r="H57" s="49"/>
      <c r="L57" s="49"/>
      <c r="M57" s="49"/>
      <c r="N57" s="80"/>
    </row>
    <row r="58" spans="1:14" x14ac:dyDescent="0.3">
      <c r="A58" s="51" t="s">
        <v>136</v>
      </c>
      <c r="B58" s="77" t="s">
        <v>137</v>
      </c>
      <c r="C58" s="125">
        <f>SUM(C53:C57)</f>
        <v>15113.60016263033</v>
      </c>
      <c r="D58" s="75"/>
      <c r="E58" s="75"/>
      <c r="F58" s="130">
        <f>SUM(F53:F57)</f>
        <v>1</v>
      </c>
      <c r="G58" s="76"/>
      <c r="H58" s="49"/>
      <c r="L58" s="49"/>
      <c r="M58" s="49"/>
      <c r="N58" s="80"/>
    </row>
    <row r="59" spans="1:14" outlineLevel="1" x14ac:dyDescent="0.3">
      <c r="A59" s="51" t="s">
        <v>138</v>
      </c>
      <c r="B59" s="79" t="s">
        <v>139</v>
      </c>
      <c r="C59" s="123"/>
      <c r="E59" s="75"/>
      <c r="F59" s="129">
        <f t="shared" ref="F59:F64" si="0">IF($C$58=0,"",IF(C59="[for completion]","",C59/$C$58))</f>
        <v>0</v>
      </c>
      <c r="G59" s="76"/>
      <c r="H59" s="49"/>
      <c r="L59" s="49"/>
      <c r="M59" s="49"/>
      <c r="N59" s="80"/>
    </row>
    <row r="60" spans="1:14" outlineLevel="1" x14ac:dyDescent="0.3">
      <c r="A60" s="51" t="s">
        <v>140</v>
      </c>
      <c r="B60" s="79" t="s">
        <v>139</v>
      </c>
      <c r="C60" s="123"/>
      <c r="E60" s="75"/>
      <c r="F60" s="129">
        <f t="shared" si="0"/>
        <v>0</v>
      </c>
      <c r="G60" s="76"/>
      <c r="H60" s="49"/>
      <c r="L60" s="49"/>
      <c r="M60" s="49"/>
      <c r="N60" s="80"/>
    </row>
    <row r="61" spans="1:14" outlineLevel="1" x14ac:dyDescent="0.3">
      <c r="A61" s="51" t="s">
        <v>141</v>
      </c>
      <c r="B61" s="79" t="s">
        <v>139</v>
      </c>
      <c r="C61" s="123"/>
      <c r="E61" s="75"/>
      <c r="F61" s="129">
        <f t="shared" si="0"/>
        <v>0</v>
      </c>
      <c r="G61" s="76"/>
      <c r="H61" s="49"/>
      <c r="L61" s="49"/>
      <c r="M61" s="49"/>
      <c r="N61" s="80"/>
    </row>
    <row r="62" spans="1:14" outlineLevel="1" x14ac:dyDescent="0.3">
      <c r="A62" s="51" t="s">
        <v>142</v>
      </c>
      <c r="B62" s="79" t="s">
        <v>139</v>
      </c>
      <c r="C62" s="123"/>
      <c r="E62" s="75"/>
      <c r="F62" s="129">
        <f t="shared" si="0"/>
        <v>0</v>
      </c>
      <c r="G62" s="76"/>
      <c r="H62" s="49"/>
      <c r="L62" s="49"/>
      <c r="M62" s="49"/>
      <c r="N62" s="80"/>
    </row>
    <row r="63" spans="1:14" outlineLevel="1" x14ac:dyDescent="0.3">
      <c r="A63" s="51" t="s">
        <v>143</v>
      </c>
      <c r="B63" s="79" t="s">
        <v>139</v>
      </c>
      <c r="C63" s="123"/>
      <c r="E63" s="75"/>
      <c r="F63" s="129">
        <f t="shared" si="0"/>
        <v>0</v>
      </c>
      <c r="G63" s="76"/>
      <c r="H63" s="49"/>
      <c r="L63" s="49"/>
      <c r="M63" s="49"/>
      <c r="N63" s="80"/>
    </row>
    <row r="64" spans="1:14" outlineLevel="1" x14ac:dyDescent="0.3">
      <c r="A64" s="51" t="s">
        <v>144</v>
      </c>
      <c r="B64" s="79" t="s">
        <v>139</v>
      </c>
      <c r="C64" s="126"/>
      <c r="D64" s="80"/>
      <c r="E64" s="80"/>
      <c r="F64" s="129">
        <f t="shared" si="0"/>
        <v>0</v>
      </c>
      <c r="G64" s="78"/>
      <c r="H64" s="49"/>
      <c r="L64" s="49"/>
      <c r="M64" s="49"/>
      <c r="N64" s="80"/>
    </row>
    <row r="65" spans="1:14" ht="15" customHeight="1" x14ac:dyDescent="0.3">
      <c r="A65" s="70"/>
      <c r="B65" s="71" t="s">
        <v>145</v>
      </c>
      <c r="C65" s="110" t="s">
        <v>993</v>
      </c>
      <c r="D65" s="110" t="s">
        <v>994</v>
      </c>
      <c r="E65" s="72"/>
      <c r="F65" s="73" t="s">
        <v>146</v>
      </c>
      <c r="G65" s="73" t="s">
        <v>147</v>
      </c>
      <c r="H65" s="49"/>
      <c r="L65" s="49"/>
      <c r="M65" s="49"/>
      <c r="N65" s="80"/>
    </row>
    <row r="66" spans="1:14" x14ac:dyDescent="0.3">
      <c r="A66" s="51" t="s">
        <v>148</v>
      </c>
      <c r="B66" s="68" t="s">
        <v>1042</v>
      </c>
      <c r="C66" s="127">
        <v>27.40326112842455</v>
      </c>
      <c r="D66" s="127" t="s">
        <v>815</v>
      </c>
      <c r="E66" s="65"/>
      <c r="F66" s="81"/>
      <c r="G66" s="82"/>
      <c r="H66" s="49"/>
      <c r="L66" s="49"/>
      <c r="M66" s="49"/>
      <c r="N66" s="80"/>
    </row>
    <row r="67" spans="1:14" x14ac:dyDescent="0.3">
      <c r="B67" s="68"/>
      <c r="E67" s="65"/>
      <c r="F67" s="81"/>
      <c r="G67" s="82"/>
      <c r="H67" s="49"/>
      <c r="L67" s="49"/>
      <c r="M67" s="49"/>
      <c r="N67" s="80"/>
    </row>
    <row r="68" spans="1:14" x14ac:dyDescent="0.3">
      <c r="B68" s="68" t="s">
        <v>987</v>
      </c>
      <c r="C68" s="65"/>
      <c r="D68" s="65"/>
      <c r="E68" s="65"/>
      <c r="F68" s="82"/>
      <c r="G68" s="82"/>
      <c r="H68" s="49"/>
      <c r="L68" s="49"/>
      <c r="M68" s="49"/>
      <c r="N68" s="80"/>
    </row>
    <row r="69" spans="1:14" x14ac:dyDescent="0.3">
      <c r="B69" s="68" t="s">
        <v>150</v>
      </c>
      <c r="E69" s="65"/>
      <c r="F69" s="82"/>
      <c r="G69" s="82"/>
      <c r="H69" s="49"/>
      <c r="L69" s="49"/>
      <c r="M69" s="49"/>
      <c r="N69" s="80"/>
    </row>
    <row r="70" spans="1:14" x14ac:dyDescent="0.3">
      <c r="A70" s="51" t="s">
        <v>151</v>
      </c>
      <c r="B70" s="47" t="s">
        <v>1124</v>
      </c>
      <c r="C70" s="123">
        <v>2.6115589299999979</v>
      </c>
      <c r="D70" s="123" t="s">
        <v>815</v>
      </c>
      <c r="E70" s="47"/>
      <c r="F70" s="129">
        <f t="shared" ref="F70:F76" si="1">IF($C$77=0,"",IF(C70="[for completion]","",C70/$C$77))</f>
        <v>1.7682586625067013E-4</v>
      </c>
      <c r="G70" s="129" t="str">
        <f>IF($D$77=0,"",IF(D70="[Mark as ND1 if not relevant]","",D70/$D$77))</f>
        <v/>
      </c>
      <c r="H70" s="49"/>
      <c r="L70" s="49"/>
      <c r="M70" s="49"/>
      <c r="N70" s="80"/>
    </row>
    <row r="71" spans="1:14" x14ac:dyDescent="0.3">
      <c r="A71" s="51" t="s">
        <v>152</v>
      </c>
      <c r="B71" s="47" t="s">
        <v>1125</v>
      </c>
      <c r="C71" s="123">
        <v>8.6485756699999978</v>
      </c>
      <c r="D71" s="123" t="s">
        <v>815</v>
      </c>
      <c r="E71" s="47"/>
      <c r="F71" s="129">
        <f t="shared" si="1"/>
        <v>5.8558582274925752E-4</v>
      </c>
      <c r="G71" s="129" t="str">
        <f t="shared" ref="G71:G76" si="2">IF($D$77=0,"",IF(D71="[Mark as ND1 if not relevant]","",D71/$D$77))</f>
        <v/>
      </c>
      <c r="H71" s="49"/>
      <c r="L71" s="49"/>
      <c r="M71" s="49"/>
      <c r="N71" s="80"/>
    </row>
    <row r="72" spans="1:14" x14ac:dyDescent="0.3">
      <c r="A72" s="51" t="s">
        <v>153</v>
      </c>
      <c r="B72" s="47" t="s">
        <v>1126</v>
      </c>
      <c r="C72" s="123">
        <v>16.869460140000001</v>
      </c>
      <c r="D72" s="123" t="s">
        <v>815</v>
      </c>
      <c r="E72" s="47"/>
      <c r="F72" s="129">
        <f t="shared" si="1"/>
        <v>1.1422131310805433E-3</v>
      </c>
      <c r="G72" s="129" t="str">
        <f t="shared" si="2"/>
        <v/>
      </c>
      <c r="H72" s="49"/>
      <c r="L72" s="49"/>
      <c r="M72" s="49"/>
      <c r="N72" s="80"/>
    </row>
    <row r="73" spans="1:14" x14ac:dyDescent="0.3">
      <c r="A73" s="51" t="s">
        <v>154</v>
      </c>
      <c r="B73" s="47" t="s">
        <v>1127</v>
      </c>
      <c r="C73" s="123">
        <v>34.552344800000036</v>
      </c>
      <c r="D73" s="123" t="s">
        <v>815</v>
      </c>
      <c r="E73" s="47"/>
      <c r="F73" s="129">
        <f t="shared" si="1"/>
        <v>2.3395023677493078E-3</v>
      </c>
      <c r="G73" s="129" t="str">
        <f t="shared" si="2"/>
        <v/>
      </c>
      <c r="H73" s="49"/>
      <c r="L73" s="49"/>
      <c r="M73" s="49"/>
      <c r="N73" s="80"/>
    </row>
    <row r="74" spans="1:14" x14ac:dyDescent="0.3">
      <c r="A74" s="51" t="s">
        <v>155</v>
      </c>
      <c r="B74" s="47" t="s">
        <v>1128</v>
      </c>
      <c r="C74" s="123">
        <v>51.521271160000069</v>
      </c>
      <c r="D74" s="123" t="s">
        <v>815</v>
      </c>
      <c r="E74" s="47"/>
      <c r="F74" s="129">
        <f t="shared" si="1"/>
        <v>3.4884502503654733E-3</v>
      </c>
      <c r="G74" s="129" t="str">
        <f t="shared" si="2"/>
        <v/>
      </c>
      <c r="H74" s="49"/>
      <c r="L74" s="49"/>
      <c r="M74" s="49"/>
      <c r="N74" s="80"/>
    </row>
    <row r="75" spans="1:14" x14ac:dyDescent="0.3">
      <c r="A75" s="51" t="s">
        <v>156</v>
      </c>
      <c r="B75" s="47" t="s">
        <v>1129</v>
      </c>
      <c r="C75" s="123">
        <v>447.80584051999875</v>
      </c>
      <c r="D75" s="123" t="s">
        <v>815</v>
      </c>
      <c r="E75" s="47"/>
      <c r="F75" s="129">
        <f t="shared" si="1"/>
        <v>3.032045524703449E-2</v>
      </c>
      <c r="G75" s="129" t="str">
        <f t="shared" si="2"/>
        <v/>
      </c>
      <c r="H75" s="49"/>
      <c r="L75" s="49"/>
      <c r="M75" s="49"/>
      <c r="N75" s="80"/>
    </row>
    <row r="76" spans="1:14" x14ac:dyDescent="0.3">
      <c r="A76" s="51" t="s">
        <v>157</v>
      </c>
      <c r="B76" s="47" t="s">
        <v>1130</v>
      </c>
      <c r="C76" s="123">
        <v>14207.0911114102</v>
      </c>
      <c r="D76" s="123" t="s">
        <v>815</v>
      </c>
      <c r="E76" s="47"/>
      <c r="F76" s="129">
        <f t="shared" si="1"/>
        <v>0.96194696731477025</v>
      </c>
      <c r="G76" s="129" t="str">
        <f t="shared" si="2"/>
        <v/>
      </c>
      <c r="H76" s="49"/>
      <c r="L76" s="49"/>
      <c r="M76" s="49"/>
      <c r="N76" s="80"/>
    </row>
    <row r="77" spans="1:14" x14ac:dyDescent="0.3">
      <c r="A77" s="51" t="s">
        <v>158</v>
      </c>
      <c r="B77" s="83" t="s">
        <v>137</v>
      </c>
      <c r="C77" s="125">
        <f>SUM(C70:C76)</f>
        <v>14769.100162630199</v>
      </c>
      <c r="D77" s="125">
        <f>SUM(D70:D76)</f>
        <v>0</v>
      </c>
      <c r="E77" s="68"/>
      <c r="F77" s="130">
        <f>SUM(F70:F76)</f>
        <v>1</v>
      </c>
      <c r="G77" s="130">
        <f>SUM(G70:G76)</f>
        <v>0</v>
      </c>
      <c r="H77" s="49"/>
      <c r="L77" s="49"/>
      <c r="M77" s="49"/>
      <c r="N77" s="80"/>
    </row>
    <row r="78" spans="1:14" outlineLevel="1" x14ac:dyDescent="0.3">
      <c r="A78" s="51" t="s">
        <v>159</v>
      </c>
      <c r="B78" s="84" t="s">
        <v>160</v>
      </c>
      <c r="C78" s="125"/>
      <c r="D78" s="125"/>
      <c r="E78" s="68"/>
      <c r="F78" s="129">
        <f>IF($C$77=0,"",IF(C78="[for completion]","",C78/$C$77))</f>
        <v>0</v>
      </c>
      <c r="G78" s="129" t="str">
        <f t="shared" ref="G78:G87" si="3">IF($D$77=0,"",IF(D78="[for completion]","",D78/$D$77))</f>
        <v/>
      </c>
      <c r="H78" s="49"/>
      <c r="L78" s="49"/>
      <c r="M78" s="49"/>
      <c r="N78" s="80"/>
    </row>
    <row r="79" spans="1:14" outlineLevel="1" x14ac:dyDescent="0.3">
      <c r="A79" s="51" t="s">
        <v>161</v>
      </c>
      <c r="B79" s="84" t="s">
        <v>162</v>
      </c>
      <c r="C79" s="125"/>
      <c r="D79" s="125"/>
      <c r="E79" s="68"/>
      <c r="F79" s="129">
        <f t="shared" ref="F79:F87" si="4">IF($C$77=0,"",IF(C79="[for completion]","",C79/$C$77))</f>
        <v>0</v>
      </c>
      <c r="G79" s="129" t="str">
        <f t="shared" si="3"/>
        <v/>
      </c>
      <c r="H79" s="49"/>
      <c r="L79" s="49"/>
      <c r="M79" s="49"/>
      <c r="N79" s="80"/>
    </row>
    <row r="80" spans="1:14" outlineLevel="1" x14ac:dyDescent="0.3">
      <c r="A80" s="51" t="s">
        <v>163</v>
      </c>
      <c r="B80" s="84" t="s">
        <v>164</v>
      </c>
      <c r="C80" s="125"/>
      <c r="D80" s="125"/>
      <c r="E80" s="68"/>
      <c r="F80" s="129">
        <f t="shared" si="4"/>
        <v>0</v>
      </c>
      <c r="G80" s="129" t="str">
        <f t="shared" si="3"/>
        <v/>
      </c>
      <c r="H80" s="49"/>
      <c r="L80" s="49"/>
      <c r="M80" s="49"/>
      <c r="N80" s="80"/>
    </row>
    <row r="81" spans="1:14" outlineLevel="1" x14ac:dyDescent="0.3">
      <c r="A81" s="51" t="s">
        <v>165</v>
      </c>
      <c r="B81" s="84" t="s">
        <v>166</v>
      </c>
      <c r="C81" s="125"/>
      <c r="D81" s="125"/>
      <c r="E81" s="68"/>
      <c r="F81" s="129">
        <f t="shared" si="4"/>
        <v>0</v>
      </c>
      <c r="G81" s="129" t="str">
        <f t="shared" si="3"/>
        <v/>
      </c>
      <c r="H81" s="49"/>
      <c r="L81" s="49"/>
      <c r="M81" s="49"/>
      <c r="N81" s="80"/>
    </row>
    <row r="82" spans="1:14" outlineLevel="1" x14ac:dyDescent="0.3">
      <c r="A82" s="51" t="s">
        <v>167</v>
      </c>
      <c r="B82" s="84" t="s">
        <v>168</v>
      </c>
      <c r="C82" s="125"/>
      <c r="D82" s="125"/>
      <c r="E82" s="68"/>
      <c r="F82" s="129">
        <f t="shared" si="4"/>
        <v>0</v>
      </c>
      <c r="G82" s="129" t="str">
        <f t="shared" si="3"/>
        <v/>
      </c>
      <c r="H82" s="49"/>
      <c r="L82" s="49"/>
      <c r="M82" s="49"/>
      <c r="N82" s="80"/>
    </row>
    <row r="83" spans="1:14" outlineLevel="1" x14ac:dyDescent="0.3">
      <c r="A83" s="51" t="s">
        <v>169</v>
      </c>
      <c r="B83" s="84"/>
      <c r="C83" s="75"/>
      <c r="D83" s="75"/>
      <c r="E83" s="68"/>
      <c r="F83" s="76"/>
      <c r="G83" s="76"/>
      <c r="H83" s="49"/>
      <c r="L83" s="49"/>
      <c r="M83" s="49"/>
      <c r="N83" s="80"/>
    </row>
    <row r="84" spans="1:14" outlineLevel="1" x14ac:dyDescent="0.3">
      <c r="A84" s="51" t="s">
        <v>170</v>
      </c>
      <c r="B84" s="84"/>
      <c r="C84" s="75"/>
      <c r="D84" s="75"/>
      <c r="E84" s="68"/>
      <c r="F84" s="76"/>
      <c r="G84" s="76"/>
      <c r="H84" s="49"/>
      <c r="L84" s="49"/>
      <c r="M84" s="49"/>
      <c r="N84" s="80"/>
    </row>
    <row r="85" spans="1:14" outlineLevel="1" x14ac:dyDescent="0.3">
      <c r="A85" s="51" t="s">
        <v>171</v>
      </c>
      <c r="B85" s="84"/>
      <c r="C85" s="75"/>
      <c r="D85" s="75"/>
      <c r="E85" s="68"/>
      <c r="F85" s="76"/>
      <c r="G85" s="76"/>
      <c r="H85" s="49"/>
      <c r="L85" s="49"/>
      <c r="M85" s="49"/>
      <c r="N85" s="80"/>
    </row>
    <row r="86" spans="1:14" outlineLevel="1" x14ac:dyDescent="0.3">
      <c r="A86" s="51" t="s">
        <v>172</v>
      </c>
      <c r="B86" s="83"/>
      <c r="C86" s="75"/>
      <c r="D86" s="75"/>
      <c r="E86" s="68"/>
      <c r="F86" s="76">
        <f t="shared" si="4"/>
        <v>0</v>
      </c>
      <c r="G86" s="76" t="str">
        <f t="shared" si="3"/>
        <v/>
      </c>
      <c r="H86" s="49"/>
      <c r="L86" s="49"/>
      <c r="M86" s="49"/>
      <c r="N86" s="80"/>
    </row>
    <row r="87" spans="1:14" outlineLevel="1" x14ac:dyDescent="0.3">
      <c r="A87" s="51" t="s">
        <v>173</v>
      </c>
      <c r="B87" s="84"/>
      <c r="C87" s="75"/>
      <c r="D87" s="75"/>
      <c r="E87" s="68"/>
      <c r="F87" s="76">
        <f t="shared" si="4"/>
        <v>0</v>
      </c>
      <c r="G87" s="76" t="str">
        <f t="shared" si="3"/>
        <v/>
      </c>
      <c r="H87" s="49"/>
      <c r="L87" s="49"/>
      <c r="M87" s="49"/>
      <c r="N87" s="80"/>
    </row>
    <row r="88" spans="1:14" ht="15" customHeight="1" x14ac:dyDescent="0.3">
      <c r="A88" s="70"/>
      <c r="B88" s="71" t="s">
        <v>174</v>
      </c>
      <c r="C88" s="110" t="s">
        <v>995</v>
      </c>
      <c r="D88" s="110" t="s">
        <v>996</v>
      </c>
      <c r="E88" s="72"/>
      <c r="F88" s="73" t="s">
        <v>175</v>
      </c>
      <c r="G88" s="70" t="s">
        <v>176</v>
      </c>
      <c r="H88" s="49"/>
      <c r="L88" s="49"/>
      <c r="M88" s="49"/>
      <c r="N88" s="80"/>
    </row>
    <row r="89" spans="1:14" x14ac:dyDescent="0.3">
      <c r="A89" s="51" t="s">
        <v>177</v>
      </c>
      <c r="B89" s="68" t="s">
        <v>149</v>
      </c>
      <c r="C89" s="127">
        <v>3.0106895596850922</v>
      </c>
      <c r="D89" s="127">
        <f>+C89+1</f>
        <v>4.0106895596850922</v>
      </c>
      <c r="E89" s="65"/>
      <c r="F89" s="135"/>
      <c r="G89" s="136"/>
      <c r="H89" s="49"/>
      <c r="L89" s="49"/>
      <c r="M89" s="49"/>
      <c r="N89" s="80"/>
    </row>
    <row r="90" spans="1:14" x14ac:dyDescent="0.3">
      <c r="B90" s="68"/>
      <c r="C90" s="127"/>
      <c r="D90" s="127"/>
      <c r="E90" s="65"/>
      <c r="F90" s="135"/>
      <c r="G90" s="136"/>
      <c r="H90" s="49"/>
      <c r="L90" s="49"/>
      <c r="M90" s="49"/>
      <c r="N90" s="80"/>
    </row>
    <row r="91" spans="1:14" x14ac:dyDescent="0.3">
      <c r="B91" s="68" t="s">
        <v>988</v>
      </c>
      <c r="C91" s="134"/>
      <c r="D91" s="134"/>
      <c r="E91" s="65"/>
      <c r="F91" s="136"/>
      <c r="G91" s="136"/>
      <c r="H91" s="49"/>
      <c r="L91" s="49"/>
      <c r="M91" s="49"/>
      <c r="N91" s="80"/>
    </row>
    <row r="92" spans="1:14" x14ac:dyDescent="0.3">
      <c r="A92" s="51" t="s">
        <v>178</v>
      </c>
      <c r="B92" s="68" t="s">
        <v>150</v>
      </c>
      <c r="C92" s="127"/>
      <c r="D92" s="127"/>
      <c r="E92" s="65"/>
      <c r="F92" s="136"/>
      <c r="G92" s="136"/>
      <c r="H92" s="49"/>
      <c r="L92" s="49"/>
      <c r="M92" s="49"/>
      <c r="N92" s="80"/>
    </row>
    <row r="93" spans="1:14" x14ac:dyDescent="0.3">
      <c r="A93" s="51" t="s">
        <v>179</v>
      </c>
      <c r="B93" s="47" t="s">
        <v>1124</v>
      </c>
      <c r="C93" s="123">
        <v>850</v>
      </c>
      <c r="D93" s="123" t="s">
        <v>815</v>
      </c>
      <c r="E93" s="47"/>
      <c r="F93" s="129">
        <f>IF($C$100=0,"",IF(C93="[for completion]","",IF(C93="","",C93/$C$100)))</f>
        <v>7.0943295441267304E-2</v>
      </c>
      <c r="G93" s="129" t="str">
        <f>IF($D$100=0,"",IF(D93="[Mark as ND1 if not relevant]","",IF(D93="","",D93/$D$100)))</f>
        <v/>
      </c>
      <c r="H93" s="49"/>
      <c r="L93" s="49"/>
      <c r="M93" s="49"/>
      <c r="N93" s="80"/>
    </row>
    <row r="94" spans="1:14" x14ac:dyDescent="0.3">
      <c r="A94" s="51" t="s">
        <v>180</v>
      </c>
      <c r="B94" s="47" t="s">
        <v>1125</v>
      </c>
      <c r="C94" s="123">
        <v>3150</v>
      </c>
      <c r="D94" s="123" t="s">
        <v>815</v>
      </c>
      <c r="E94" s="47"/>
      <c r="F94" s="129">
        <f t="shared" ref="F94:F99" si="5">IF($C$100=0,"",IF(C94="[for completion]","",IF(C94="","",C94/$C$100)))</f>
        <v>0.26290750663528473</v>
      </c>
      <c r="G94" s="129" t="str">
        <f t="shared" ref="G94:G99" si="6">IF($D$100=0,"",IF(D94="[Mark as ND1 if not relevant]","",IF(D94="","",D94/$D$100)))</f>
        <v/>
      </c>
      <c r="H94" s="49"/>
      <c r="L94" s="49"/>
      <c r="M94" s="49"/>
      <c r="N94" s="80"/>
    </row>
    <row r="95" spans="1:14" x14ac:dyDescent="0.3">
      <c r="A95" s="51" t="s">
        <v>181</v>
      </c>
      <c r="B95" s="47" t="s">
        <v>1126</v>
      </c>
      <c r="C95" s="123">
        <v>1631.4</v>
      </c>
      <c r="D95" s="123" t="s">
        <v>815</v>
      </c>
      <c r="E95" s="47"/>
      <c r="F95" s="129">
        <f t="shared" si="5"/>
        <v>0.13616104962692174</v>
      </c>
      <c r="G95" s="129" t="str">
        <f t="shared" si="6"/>
        <v/>
      </c>
      <c r="H95" s="49"/>
      <c r="L95" s="49"/>
      <c r="M95" s="49"/>
      <c r="N95" s="80"/>
    </row>
    <row r="96" spans="1:14" x14ac:dyDescent="0.3">
      <c r="A96" s="51" t="s">
        <v>182</v>
      </c>
      <c r="B96" s="47" t="s">
        <v>1127</v>
      </c>
      <c r="C96" s="123">
        <v>2600</v>
      </c>
      <c r="D96" s="123" t="s">
        <v>815</v>
      </c>
      <c r="E96" s="47"/>
      <c r="F96" s="129">
        <f t="shared" si="5"/>
        <v>0.2170030213497588</v>
      </c>
      <c r="G96" s="129" t="str">
        <f t="shared" si="6"/>
        <v/>
      </c>
      <c r="H96" s="49"/>
      <c r="L96" s="49"/>
      <c r="M96" s="49"/>
      <c r="N96" s="80"/>
    </row>
    <row r="97" spans="1:14" x14ac:dyDescent="0.3">
      <c r="A97" s="51" t="s">
        <v>183</v>
      </c>
      <c r="B97" s="47" t="s">
        <v>1128</v>
      </c>
      <c r="C97" s="123">
        <v>2750</v>
      </c>
      <c r="D97" s="123" t="s">
        <v>815</v>
      </c>
      <c r="E97" s="47"/>
      <c r="F97" s="129">
        <f t="shared" si="5"/>
        <v>0.22952242642762949</v>
      </c>
      <c r="G97" s="129" t="str">
        <f t="shared" si="6"/>
        <v/>
      </c>
      <c r="H97" s="49"/>
      <c r="L97" s="49"/>
      <c r="M97" s="49"/>
    </row>
    <row r="98" spans="1:14" x14ac:dyDescent="0.3">
      <c r="A98" s="51" t="s">
        <v>184</v>
      </c>
      <c r="B98" s="47" t="s">
        <v>1129</v>
      </c>
      <c r="C98" s="123">
        <v>1000</v>
      </c>
      <c r="D98" s="123" t="s">
        <v>815</v>
      </c>
      <c r="E98" s="47"/>
      <c r="F98" s="129">
        <f t="shared" si="5"/>
        <v>8.3462700519137997E-2</v>
      </c>
      <c r="G98" s="129" t="str">
        <f t="shared" si="6"/>
        <v/>
      </c>
      <c r="H98" s="49"/>
      <c r="L98" s="49"/>
      <c r="M98" s="49"/>
    </row>
    <row r="99" spans="1:14" x14ac:dyDescent="0.3">
      <c r="A99" s="51" t="s">
        <v>185</v>
      </c>
      <c r="B99" s="47" t="s">
        <v>1130</v>
      </c>
      <c r="C99" s="123">
        <v>0</v>
      </c>
      <c r="D99" s="123" t="s">
        <v>815</v>
      </c>
      <c r="E99" s="47"/>
      <c r="F99" s="129">
        <f t="shared" si="5"/>
        <v>0</v>
      </c>
      <c r="G99" s="129" t="str">
        <f t="shared" si="6"/>
        <v/>
      </c>
      <c r="H99" s="49"/>
      <c r="L99" s="49"/>
      <c r="M99" s="49"/>
    </row>
    <row r="100" spans="1:14" x14ac:dyDescent="0.3">
      <c r="A100" s="51" t="s">
        <v>186</v>
      </c>
      <c r="B100" s="83" t="s">
        <v>137</v>
      </c>
      <c r="C100" s="125">
        <f>SUM(C93:C99)</f>
        <v>11981.4</v>
      </c>
      <c r="D100" s="125">
        <f>SUM(D93:D99)</f>
        <v>0</v>
      </c>
      <c r="E100" s="68"/>
      <c r="F100" s="130">
        <f>SUM(F93:F99)</f>
        <v>1</v>
      </c>
      <c r="G100" s="130">
        <f>SUM(G93:G99)</f>
        <v>0</v>
      </c>
      <c r="H100" s="49"/>
      <c r="L100" s="49"/>
      <c r="M100" s="49"/>
    </row>
    <row r="101" spans="1:14" outlineLevel="1" x14ac:dyDescent="0.3">
      <c r="A101" s="51" t="s">
        <v>187</v>
      </c>
      <c r="B101" s="84" t="s">
        <v>160</v>
      </c>
      <c r="C101" s="125"/>
      <c r="D101" s="125"/>
      <c r="E101" s="68"/>
      <c r="F101" s="129">
        <f>IF($C$100=0,"",IF(C101="[for completion]","",C101/$C$100))</f>
        <v>0</v>
      </c>
      <c r="G101" s="129" t="str">
        <f>IF($D$100=0,"",IF(D101="[for completion]","",D101/$D$100))</f>
        <v/>
      </c>
      <c r="H101" s="49"/>
      <c r="L101" s="49"/>
      <c r="M101" s="49"/>
    </row>
    <row r="102" spans="1:14" outlineLevel="1" x14ac:dyDescent="0.3">
      <c r="A102" s="51" t="s">
        <v>188</v>
      </c>
      <c r="B102" s="84" t="s">
        <v>162</v>
      </c>
      <c r="C102" s="125"/>
      <c r="D102" s="125"/>
      <c r="E102" s="68"/>
      <c r="F102" s="129">
        <f>IF($C$100=0,"",IF(C102="[for completion]","",C102/$C$100))</f>
        <v>0</v>
      </c>
      <c r="G102" s="129" t="str">
        <f>IF($D$100=0,"",IF(D102="[for completion]","",D102/$D$100))</f>
        <v/>
      </c>
      <c r="H102" s="49"/>
      <c r="L102" s="49"/>
      <c r="M102" s="49"/>
    </row>
    <row r="103" spans="1:14" outlineLevel="1" x14ac:dyDescent="0.3">
      <c r="A103" s="51" t="s">
        <v>189</v>
      </c>
      <c r="B103" s="84" t="s">
        <v>164</v>
      </c>
      <c r="C103" s="125"/>
      <c r="D103" s="125"/>
      <c r="E103" s="68"/>
      <c r="F103" s="129">
        <f>IF($C$100=0,"",IF(C103="[for completion]","",C103/$C$100))</f>
        <v>0</v>
      </c>
      <c r="G103" s="129" t="str">
        <f>IF($D$100=0,"",IF(D103="[for completion]","",D103/$D$100))</f>
        <v/>
      </c>
      <c r="H103" s="49"/>
      <c r="L103" s="49"/>
      <c r="M103" s="49"/>
    </row>
    <row r="104" spans="1:14" outlineLevel="1" x14ac:dyDescent="0.3">
      <c r="A104" s="51" t="s">
        <v>190</v>
      </c>
      <c r="B104" s="84" t="s">
        <v>166</v>
      </c>
      <c r="C104" s="125"/>
      <c r="D104" s="125"/>
      <c r="E104" s="68"/>
      <c r="F104" s="129">
        <f>IF($C$100=0,"",IF(C104="[for completion]","",C104/$C$100))</f>
        <v>0</v>
      </c>
      <c r="G104" s="129" t="str">
        <f>IF($D$100=0,"",IF(D104="[for completion]","",D104/$D$100))</f>
        <v/>
      </c>
      <c r="H104" s="49"/>
      <c r="L104" s="49"/>
      <c r="M104" s="49"/>
    </row>
    <row r="105" spans="1:14" outlineLevel="1" x14ac:dyDescent="0.3">
      <c r="A105" s="51" t="s">
        <v>191</v>
      </c>
      <c r="B105" s="84" t="s">
        <v>168</v>
      </c>
      <c r="C105" s="125"/>
      <c r="D105" s="125"/>
      <c r="E105" s="68"/>
      <c r="F105" s="129">
        <f>IF($C$100=0,"",IF(C105="[for completion]","",C105/$C$100))</f>
        <v>0</v>
      </c>
      <c r="G105" s="129" t="str">
        <f>IF($D$100=0,"",IF(D105="[for completion]","",D105/$D$100))</f>
        <v/>
      </c>
      <c r="H105" s="49"/>
      <c r="L105" s="49"/>
      <c r="M105" s="49"/>
    </row>
    <row r="106" spans="1:14" outlineLevel="1" x14ac:dyDescent="0.3">
      <c r="A106" s="51" t="s">
        <v>192</v>
      </c>
      <c r="B106" s="84"/>
      <c r="C106" s="75"/>
      <c r="D106" s="75"/>
      <c r="E106" s="68"/>
      <c r="F106" s="76"/>
      <c r="G106" s="76"/>
      <c r="H106" s="49"/>
      <c r="L106" s="49"/>
      <c r="M106" s="49"/>
    </row>
    <row r="107" spans="1:14" outlineLevel="1" x14ac:dyDescent="0.3">
      <c r="A107" s="51" t="s">
        <v>193</v>
      </c>
      <c r="B107" s="84"/>
      <c r="C107" s="75"/>
      <c r="D107" s="75"/>
      <c r="E107" s="68"/>
      <c r="F107" s="76"/>
      <c r="G107" s="76"/>
      <c r="H107" s="49"/>
      <c r="L107" s="49"/>
      <c r="M107" s="49"/>
    </row>
    <row r="108" spans="1:14" outlineLevel="1" x14ac:dyDescent="0.3">
      <c r="A108" s="51" t="s">
        <v>194</v>
      </c>
      <c r="B108" s="83"/>
      <c r="C108" s="75"/>
      <c r="D108" s="75"/>
      <c r="E108" s="68"/>
      <c r="F108" s="76"/>
      <c r="G108" s="76"/>
      <c r="H108" s="49"/>
      <c r="L108" s="49"/>
      <c r="M108" s="49"/>
    </row>
    <row r="109" spans="1:14" outlineLevel="1" x14ac:dyDescent="0.3">
      <c r="A109" s="51" t="s">
        <v>195</v>
      </c>
      <c r="B109" s="84"/>
      <c r="C109" s="75"/>
      <c r="D109" s="75"/>
      <c r="E109" s="68"/>
      <c r="F109" s="76"/>
      <c r="G109" s="76"/>
      <c r="H109" s="49"/>
      <c r="L109" s="49"/>
      <c r="M109" s="49"/>
    </row>
    <row r="110" spans="1:14" outlineLevel="1" x14ac:dyDescent="0.3">
      <c r="A110" s="51" t="s">
        <v>196</v>
      </c>
      <c r="B110" s="84"/>
      <c r="C110" s="75"/>
      <c r="D110" s="75"/>
      <c r="E110" s="68"/>
      <c r="F110" s="76"/>
      <c r="G110" s="76"/>
      <c r="H110" s="49"/>
      <c r="L110" s="49"/>
      <c r="M110" s="49"/>
    </row>
    <row r="111" spans="1:14" ht="15" customHeight="1" x14ac:dyDescent="0.3">
      <c r="A111" s="70"/>
      <c r="B111" s="128" t="s">
        <v>1154</v>
      </c>
      <c r="C111" s="73" t="s">
        <v>197</v>
      </c>
      <c r="D111" s="73" t="s">
        <v>198</v>
      </c>
      <c r="E111" s="72"/>
      <c r="F111" s="73" t="s">
        <v>199</v>
      </c>
      <c r="G111" s="73" t="s">
        <v>200</v>
      </c>
      <c r="H111" s="49"/>
      <c r="L111" s="49"/>
      <c r="M111" s="49"/>
    </row>
    <row r="112" spans="1:14" s="85" customFormat="1" x14ac:dyDescent="0.3">
      <c r="A112" s="51" t="s">
        <v>201</v>
      </c>
      <c r="B112" s="68" t="s">
        <v>202</v>
      </c>
      <c r="C112" s="123">
        <f>+C38</f>
        <v>15113.60016263033</v>
      </c>
      <c r="D112" s="123">
        <f>+C112</f>
        <v>15113.60016263033</v>
      </c>
      <c r="E112" s="76"/>
      <c r="F112" s="129">
        <f t="shared" ref="F112:F116" si="7">IF($C$131=0,"",IF(C112="[for completion]","",IF(C112="","",C112/$C$131)))</f>
        <v>1</v>
      </c>
      <c r="G112" s="129">
        <f t="shared" ref="G112:G116" si="8">IF($D$131=0,"",IF(D112="[for completion]","",IF(D112="","",D112/$D$131)))</f>
        <v>1</v>
      </c>
      <c r="I112" s="51"/>
      <c r="J112" s="51"/>
      <c r="K112" s="51"/>
      <c r="L112" s="49" t="s">
        <v>1133</v>
      </c>
      <c r="M112" s="49"/>
      <c r="N112" s="49"/>
    </row>
    <row r="113" spans="1:14" s="85" customFormat="1" x14ac:dyDescent="0.3">
      <c r="A113" s="51" t="s">
        <v>203</v>
      </c>
      <c r="B113" s="68" t="s">
        <v>1134</v>
      </c>
      <c r="C113" s="123">
        <v>0</v>
      </c>
      <c r="D113" s="123">
        <v>0</v>
      </c>
      <c r="E113" s="76"/>
      <c r="F113" s="129">
        <f t="shared" si="7"/>
        <v>0</v>
      </c>
      <c r="G113" s="129">
        <f t="shared" si="8"/>
        <v>0</v>
      </c>
      <c r="I113" s="51"/>
      <c r="J113" s="51"/>
      <c r="K113" s="51"/>
      <c r="L113" s="68" t="s">
        <v>1134</v>
      </c>
      <c r="M113" s="49"/>
      <c r="N113" s="49"/>
    </row>
    <row r="114" spans="1:14" s="85" customFormat="1" x14ac:dyDescent="0.3">
      <c r="A114" s="51" t="s">
        <v>204</v>
      </c>
      <c r="B114" s="68" t="s">
        <v>211</v>
      </c>
      <c r="C114" s="123">
        <v>0</v>
      </c>
      <c r="D114" s="123">
        <v>0</v>
      </c>
      <c r="E114" s="76"/>
      <c r="F114" s="129">
        <f t="shared" si="7"/>
        <v>0</v>
      </c>
      <c r="G114" s="129">
        <f t="shared" si="8"/>
        <v>0</v>
      </c>
      <c r="I114" s="51"/>
      <c r="J114" s="51"/>
      <c r="K114" s="51"/>
      <c r="L114" s="68" t="s">
        <v>211</v>
      </c>
      <c r="M114" s="49"/>
      <c r="N114" s="49"/>
    </row>
    <row r="115" spans="1:14" s="85" customFormat="1" x14ac:dyDescent="0.3">
      <c r="A115" s="51" t="s">
        <v>205</v>
      </c>
      <c r="B115" s="68" t="s">
        <v>1135</v>
      </c>
      <c r="C115" s="123">
        <v>0</v>
      </c>
      <c r="D115" s="123">
        <v>0</v>
      </c>
      <c r="E115" s="76"/>
      <c r="F115" s="129">
        <f t="shared" si="7"/>
        <v>0</v>
      </c>
      <c r="G115" s="129">
        <f t="shared" si="8"/>
        <v>0</v>
      </c>
      <c r="I115" s="51"/>
      <c r="J115" s="51"/>
      <c r="K115" s="51"/>
      <c r="L115" s="68" t="s">
        <v>1135</v>
      </c>
      <c r="M115" s="49"/>
      <c r="N115" s="49"/>
    </row>
    <row r="116" spans="1:14" s="85" customFormat="1" x14ac:dyDescent="0.3">
      <c r="A116" s="51" t="s">
        <v>207</v>
      </c>
      <c r="B116" s="68" t="s">
        <v>1136</v>
      </c>
      <c r="C116" s="123">
        <v>0</v>
      </c>
      <c r="D116" s="123">
        <v>0</v>
      </c>
      <c r="E116" s="76"/>
      <c r="F116" s="129">
        <f t="shared" si="7"/>
        <v>0</v>
      </c>
      <c r="G116" s="129">
        <f t="shared" si="8"/>
        <v>0</v>
      </c>
      <c r="I116" s="51"/>
      <c r="J116" s="51"/>
      <c r="K116" s="51"/>
      <c r="L116" s="68" t="s">
        <v>1136</v>
      </c>
      <c r="M116" s="49"/>
      <c r="N116" s="49"/>
    </row>
    <row r="117" spans="1:14" s="85" customFormat="1" x14ac:dyDescent="0.3">
      <c r="A117" s="51" t="s">
        <v>208</v>
      </c>
      <c r="B117" s="68" t="s">
        <v>213</v>
      </c>
      <c r="C117" s="123">
        <v>0</v>
      </c>
      <c r="D117" s="123">
        <v>0</v>
      </c>
      <c r="E117" s="68"/>
      <c r="F117" s="129">
        <f t="shared" ref="F117:F123" si="9">IF($C$131=0,"",IF(C117="[for completion]","",IF(C117="","",C117/$C$131)))</f>
        <v>0</v>
      </c>
      <c r="G117" s="129">
        <f t="shared" ref="G117:G123" si="10">IF($D$131=0,"",IF(D117="[for completion]","",IF(D117="","",D117/$D$131)))</f>
        <v>0</v>
      </c>
      <c r="I117" s="51"/>
      <c r="J117" s="51"/>
      <c r="K117" s="51"/>
      <c r="L117" s="68" t="s">
        <v>213</v>
      </c>
      <c r="M117" s="49"/>
      <c r="N117" s="49"/>
    </row>
    <row r="118" spans="1:14" x14ac:dyDescent="0.3">
      <c r="A118" s="51" t="s">
        <v>209</v>
      </c>
      <c r="B118" s="68" t="s">
        <v>215</v>
      </c>
      <c r="C118" s="123">
        <v>0</v>
      </c>
      <c r="D118" s="123">
        <v>0</v>
      </c>
      <c r="E118" s="68"/>
      <c r="F118" s="129">
        <f t="shared" si="9"/>
        <v>0</v>
      </c>
      <c r="G118" s="129">
        <f t="shared" si="10"/>
        <v>0</v>
      </c>
      <c r="L118" s="68" t="s">
        <v>215</v>
      </c>
      <c r="M118" s="49"/>
    </row>
    <row r="119" spans="1:14" x14ac:dyDescent="0.3">
      <c r="A119" s="51" t="s">
        <v>210</v>
      </c>
      <c r="B119" s="68" t="s">
        <v>1137</v>
      </c>
      <c r="C119" s="123">
        <v>0</v>
      </c>
      <c r="D119" s="123">
        <v>0</v>
      </c>
      <c r="E119" s="68"/>
      <c r="F119" s="129">
        <f t="shared" si="9"/>
        <v>0</v>
      </c>
      <c r="G119" s="129">
        <f t="shared" si="10"/>
        <v>0</v>
      </c>
      <c r="L119" s="68" t="s">
        <v>1137</v>
      </c>
      <c r="M119" s="49"/>
    </row>
    <row r="120" spans="1:14" x14ac:dyDescent="0.3">
      <c r="A120" s="51" t="s">
        <v>212</v>
      </c>
      <c r="B120" s="68" t="s">
        <v>217</v>
      </c>
      <c r="C120" s="123">
        <v>0</v>
      </c>
      <c r="D120" s="123">
        <v>0</v>
      </c>
      <c r="E120" s="68"/>
      <c r="F120" s="129">
        <f t="shared" si="9"/>
        <v>0</v>
      </c>
      <c r="G120" s="129">
        <f t="shared" si="10"/>
        <v>0</v>
      </c>
      <c r="L120" s="68" t="s">
        <v>217</v>
      </c>
      <c r="M120" s="49"/>
    </row>
    <row r="121" spans="1:14" x14ac:dyDescent="0.3">
      <c r="A121" s="51" t="s">
        <v>214</v>
      </c>
      <c r="B121" s="51" t="s">
        <v>1614</v>
      </c>
      <c r="C121" s="123">
        <v>0</v>
      </c>
      <c r="D121" s="123">
        <v>0</v>
      </c>
      <c r="F121" s="129">
        <f t="shared" si="9"/>
        <v>0</v>
      </c>
      <c r="G121" s="129">
        <f t="shared" si="10"/>
        <v>0</v>
      </c>
      <c r="L121" s="68"/>
      <c r="M121" s="49"/>
    </row>
    <row r="122" spans="1:14" x14ac:dyDescent="0.3">
      <c r="A122" s="51" t="s">
        <v>216</v>
      </c>
      <c r="B122" s="68" t="s">
        <v>1143</v>
      </c>
      <c r="C122" s="123">
        <v>0</v>
      </c>
      <c r="D122" s="123">
        <v>0</v>
      </c>
      <c r="E122" s="68"/>
      <c r="F122" s="129">
        <f t="shared" si="9"/>
        <v>0</v>
      </c>
      <c r="G122" s="129">
        <f t="shared" si="10"/>
        <v>0</v>
      </c>
      <c r="L122" s="68" t="s">
        <v>219</v>
      </c>
      <c r="M122" s="49"/>
    </row>
    <row r="123" spans="1:14" x14ac:dyDescent="0.3">
      <c r="A123" s="51" t="s">
        <v>218</v>
      </c>
      <c r="B123" s="68" t="s">
        <v>219</v>
      </c>
      <c r="C123" s="123">
        <v>0</v>
      </c>
      <c r="D123" s="123">
        <v>0</v>
      </c>
      <c r="E123" s="68"/>
      <c r="F123" s="129">
        <f t="shared" si="9"/>
        <v>0</v>
      </c>
      <c r="G123" s="129">
        <f t="shared" si="10"/>
        <v>0</v>
      </c>
      <c r="L123" s="68" t="s">
        <v>206</v>
      </c>
      <c r="M123" s="49"/>
    </row>
    <row r="124" spans="1:14" x14ac:dyDescent="0.3">
      <c r="A124" s="51" t="s">
        <v>220</v>
      </c>
      <c r="B124" s="68" t="s">
        <v>206</v>
      </c>
      <c r="C124" s="123">
        <v>0</v>
      </c>
      <c r="D124" s="123">
        <v>0</v>
      </c>
      <c r="E124" s="68"/>
      <c r="F124" s="129">
        <f t="shared" ref="F124:F136" si="11">IF($C$131=0,"",IF(C124="[for completion]","",IF(C124="","",C124/$C$131)))</f>
        <v>0</v>
      </c>
      <c r="G124" s="129">
        <f t="shared" ref="G124:G136" si="12">IF($D$131=0,"",IF(D124="[for completion]","",IF(D124="","",D124/$D$131)))</f>
        <v>0</v>
      </c>
      <c r="L124" s="47" t="s">
        <v>1139</v>
      </c>
      <c r="M124" s="49"/>
    </row>
    <row r="125" spans="1:14" x14ac:dyDescent="0.3">
      <c r="A125" s="51" t="s">
        <v>222</v>
      </c>
      <c r="B125" s="51" t="s">
        <v>1716</v>
      </c>
      <c r="C125" s="123">
        <v>0</v>
      </c>
      <c r="D125" s="123">
        <v>0</v>
      </c>
      <c r="E125" s="68"/>
      <c r="F125" s="129">
        <f t="shared" si="11"/>
        <v>0</v>
      </c>
      <c r="G125" s="129">
        <f t="shared" si="12"/>
        <v>0</v>
      </c>
      <c r="L125" s="68" t="s">
        <v>221</v>
      </c>
      <c r="M125" s="49"/>
    </row>
    <row r="126" spans="1:14" x14ac:dyDescent="0.3">
      <c r="A126" s="51" t="s">
        <v>224</v>
      </c>
      <c r="B126" s="47" t="s">
        <v>1139</v>
      </c>
      <c r="C126" s="123">
        <v>0</v>
      </c>
      <c r="D126" s="123">
        <v>0</v>
      </c>
      <c r="E126" s="68"/>
      <c r="F126" s="129">
        <f t="shared" si="11"/>
        <v>0</v>
      </c>
      <c r="G126" s="129">
        <f t="shared" si="12"/>
        <v>0</v>
      </c>
      <c r="H126" s="80"/>
      <c r="L126" s="68" t="s">
        <v>223</v>
      </c>
      <c r="M126" s="49"/>
    </row>
    <row r="127" spans="1:14" x14ac:dyDescent="0.3">
      <c r="A127" s="51" t="s">
        <v>225</v>
      </c>
      <c r="B127" s="68" t="s">
        <v>221</v>
      </c>
      <c r="C127" s="123">
        <v>0</v>
      </c>
      <c r="D127" s="123">
        <v>0</v>
      </c>
      <c r="E127" s="68"/>
      <c r="F127" s="129">
        <f t="shared" si="11"/>
        <v>0</v>
      </c>
      <c r="G127" s="129">
        <f t="shared" si="12"/>
        <v>0</v>
      </c>
      <c r="H127" s="49"/>
      <c r="L127" s="68" t="s">
        <v>1138</v>
      </c>
      <c r="M127" s="49"/>
    </row>
    <row r="128" spans="1:14" x14ac:dyDescent="0.3">
      <c r="A128" s="51" t="s">
        <v>1140</v>
      </c>
      <c r="B128" s="68" t="s">
        <v>223</v>
      </c>
      <c r="C128" s="123">
        <v>0</v>
      </c>
      <c r="D128" s="123">
        <v>0</v>
      </c>
      <c r="E128" s="68"/>
      <c r="F128" s="129">
        <f t="shared" si="11"/>
        <v>0</v>
      </c>
      <c r="G128" s="129">
        <f t="shared" si="12"/>
        <v>0</v>
      </c>
      <c r="H128" s="49"/>
      <c r="L128" s="49"/>
      <c r="M128" s="49"/>
    </row>
    <row r="129" spans="1:14" x14ac:dyDescent="0.3">
      <c r="A129" s="51" t="s">
        <v>1142</v>
      </c>
      <c r="B129" s="68" t="s">
        <v>1138</v>
      </c>
      <c r="C129" s="123">
        <v>0</v>
      </c>
      <c r="D129" s="123">
        <v>0</v>
      </c>
      <c r="E129" s="68"/>
      <c r="F129" s="129">
        <f t="shared" si="11"/>
        <v>0</v>
      </c>
      <c r="G129" s="129">
        <f t="shared" si="12"/>
        <v>0</v>
      </c>
      <c r="H129" s="49"/>
      <c r="L129" s="49"/>
      <c r="M129" s="49"/>
    </row>
    <row r="130" spans="1:14" outlineLevel="1" x14ac:dyDescent="0.3">
      <c r="A130" s="51" t="s">
        <v>1615</v>
      </c>
      <c r="B130" s="68" t="s">
        <v>135</v>
      </c>
      <c r="C130" s="123">
        <v>0</v>
      </c>
      <c r="D130" s="123">
        <v>0</v>
      </c>
      <c r="E130" s="68"/>
      <c r="F130" s="129">
        <f t="shared" si="11"/>
        <v>0</v>
      </c>
      <c r="G130" s="129">
        <f t="shared" si="12"/>
        <v>0</v>
      </c>
      <c r="H130" s="49"/>
      <c r="L130" s="49"/>
      <c r="M130" s="49"/>
    </row>
    <row r="131" spans="1:14" outlineLevel="1" x14ac:dyDescent="0.3">
      <c r="A131" s="51" t="s">
        <v>226</v>
      </c>
      <c r="B131" s="83" t="s">
        <v>137</v>
      </c>
      <c r="C131" s="123">
        <f>SUM(C112:C130)</f>
        <v>15113.60016263033</v>
      </c>
      <c r="D131" s="123">
        <f>SUM(D112:D130)</f>
        <v>15113.60016263033</v>
      </c>
      <c r="E131" s="68"/>
      <c r="F131" s="129">
        <f>SUM(F112:F130)</f>
        <v>1</v>
      </c>
      <c r="G131" s="129">
        <f>SUM(G112:G130)</f>
        <v>1</v>
      </c>
      <c r="H131" s="49"/>
      <c r="L131" s="49"/>
      <c r="M131" s="49"/>
    </row>
    <row r="132" spans="1:14" outlineLevel="1" x14ac:dyDescent="0.3">
      <c r="A132" s="51" t="s">
        <v>227</v>
      </c>
      <c r="B132" s="79" t="s">
        <v>139</v>
      </c>
      <c r="C132" s="123"/>
      <c r="D132" s="123"/>
      <c r="E132" s="68"/>
      <c r="F132" s="129" t="str">
        <f t="shared" si="11"/>
        <v/>
      </c>
      <c r="G132" s="129" t="str">
        <f t="shared" si="12"/>
        <v/>
      </c>
      <c r="H132" s="49"/>
      <c r="L132" s="49"/>
      <c r="M132" s="49"/>
    </row>
    <row r="133" spans="1:14" outlineLevel="1" x14ac:dyDescent="0.3">
      <c r="A133" s="51" t="s">
        <v>228</v>
      </c>
      <c r="B133" s="79" t="s">
        <v>139</v>
      </c>
      <c r="C133" s="123"/>
      <c r="D133" s="123"/>
      <c r="E133" s="68"/>
      <c r="F133" s="129" t="str">
        <f t="shared" si="11"/>
        <v/>
      </c>
      <c r="G133" s="129" t="str">
        <f t="shared" si="12"/>
        <v/>
      </c>
      <c r="H133" s="49"/>
      <c r="L133" s="49"/>
      <c r="M133" s="49"/>
    </row>
    <row r="134" spans="1:14" outlineLevel="1" x14ac:dyDescent="0.3">
      <c r="A134" s="51" t="s">
        <v>229</v>
      </c>
      <c r="B134" s="79" t="s">
        <v>139</v>
      </c>
      <c r="C134" s="123"/>
      <c r="D134" s="123"/>
      <c r="E134" s="68"/>
      <c r="F134" s="129" t="str">
        <f t="shared" si="11"/>
        <v/>
      </c>
      <c r="G134" s="129" t="str">
        <f t="shared" si="12"/>
        <v/>
      </c>
      <c r="H134" s="49"/>
      <c r="L134" s="49"/>
      <c r="M134" s="49"/>
    </row>
    <row r="135" spans="1:14" outlineLevel="1" x14ac:dyDescent="0.3">
      <c r="A135" s="51" t="s">
        <v>230</v>
      </c>
      <c r="B135" s="79" t="s">
        <v>139</v>
      </c>
      <c r="C135" s="123"/>
      <c r="D135" s="123"/>
      <c r="E135" s="68"/>
      <c r="F135" s="129" t="str">
        <f t="shared" si="11"/>
        <v/>
      </c>
      <c r="G135" s="129" t="str">
        <f t="shared" si="12"/>
        <v/>
      </c>
      <c r="H135" s="49"/>
      <c r="L135" s="49"/>
      <c r="M135" s="49"/>
    </row>
    <row r="136" spans="1:14" outlineLevel="1" x14ac:dyDescent="0.3">
      <c r="A136" s="51" t="s">
        <v>231</v>
      </c>
      <c r="B136" s="79" t="s">
        <v>139</v>
      </c>
      <c r="C136" s="123"/>
      <c r="D136" s="123"/>
      <c r="E136" s="68"/>
      <c r="F136" s="129" t="str">
        <f t="shared" si="11"/>
        <v/>
      </c>
      <c r="G136" s="129" t="str">
        <f t="shared" si="12"/>
        <v/>
      </c>
      <c r="H136" s="49"/>
      <c r="L136" s="49"/>
      <c r="M136" s="49"/>
    </row>
    <row r="137" spans="1:14" ht="15" customHeight="1" x14ac:dyDescent="0.3">
      <c r="A137" s="70"/>
      <c r="B137" s="71" t="s">
        <v>232</v>
      </c>
      <c r="C137" s="73" t="s">
        <v>197</v>
      </c>
      <c r="D137" s="73" t="s">
        <v>198</v>
      </c>
      <c r="E137" s="72"/>
      <c r="F137" s="73" t="s">
        <v>199</v>
      </c>
      <c r="G137" s="73" t="s">
        <v>200</v>
      </c>
      <c r="H137" s="49"/>
      <c r="L137" s="49"/>
      <c r="M137" s="49"/>
    </row>
    <row r="138" spans="1:14" s="85" customFormat="1" x14ac:dyDescent="0.3">
      <c r="A138" s="51" t="s">
        <v>233</v>
      </c>
      <c r="B138" s="68" t="s">
        <v>202</v>
      </c>
      <c r="C138" s="123">
        <f>+C39</f>
        <v>11981.4</v>
      </c>
      <c r="D138" s="123">
        <f>+C138</f>
        <v>11981.4</v>
      </c>
      <c r="E138" s="76"/>
      <c r="F138" s="129">
        <f t="shared" ref="F138:F141" si="13">IF($C$157=0,"",IF(C138="[for completion]","",IF(C138="","",C138/$C$157)))</f>
        <v>1</v>
      </c>
      <c r="G138" s="129">
        <f t="shared" ref="G138:G141" si="14">IF($D$157=0,"",IF(D138="[for completion]","",IF(D138="","",D138/$D$157)))</f>
        <v>1</v>
      </c>
      <c r="H138" s="49"/>
      <c r="I138" s="51"/>
      <c r="J138" s="51"/>
      <c r="K138" s="51"/>
      <c r="L138" s="49"/>
      <c r="M138" s="49"/>
      <c r="N138" s="49"/>
    </row>
    <row r="139" spans="1:14" s="85" customFormat="1" x14ac:dyDescent="0.3">
      <c r="A139" s="51" t="s">
        <v>234</v>
      </c>
      <c r="B139" s="68" t="s">
        <v>1134</v>
      </c>
      <c r="C139" s="123">
        <v>0</v>
      </c>
      <c r="D139" s="123">
        <v>0</v>
      </c>
      <c r="E139" s="76"/>
      <c r="F139" s="129">
        <f t="shared" si="13"/>
        <v>0</v>
      </c>
      <c r="G139" s="129">
        <f t="shared" si="14"/>
        <v>0</v>
      </c>
      <c r="H139" s="49"/>
      <c r="I139" s="51"/>
      <c r="J139" s="51"/>
      <c r="K139" s="51"/>
      <c r="L139" s="49"/>
      <c r="M139" s="49"/>
      <c r="N139" s="49"/>
    </row>
    <row r="140" spans="1:14" s="85" customFormat="1" x14ac:dyDescent="0.3">
      <c r="A140" s="51" t="s">
        <v>235</v>
      </c>
      <c r="B140" s="68" t="s">
        <v>211</v>
      </c>
      <c r="C140" s="123">
        <v>0</v>
      </c>
      <c r="D140" s="123">
        <v>0</v>
      </c>
      <c r="E140" s="76"/>
      <c r="F140" s="129">
        <f t="shared" si="13"/>
        <v>0</v>
      </c>
      <c r="G140" s="129">
        <f t="shared" si="14"/>
        <v>0</v>
      </c>
      <c r="H140" s="49"/>
      <c r="I140" s="51"/>
      <c r="J140" s="51"/>
      <c r="K140" s="51"/>
      <c r="L140" s="49"/>
      <c r="M140" s="49"/>
      <c r="N140" s="49"/>
    </row>
    <row r="141" spans="1:14" s="85" customFormat="1" x14ac:dyDescent="0.3">
      <c r="A141" s="51" t="s">
        <v>236</v>
      </c>
      <c r="B141" s="68" t="s">
        <v>1135</v>
      </c>
      <c r="C141" s="123">
        <v>0</v>
      </c>
      <c r="D141" s="123">
        <v>0</v>
      </c>
      <c r="E141" s="76"/>
      <c r="F141" s="129">
        <f t="shared" si="13"/>
        <v>0</v>
      </c>
      <c r="G141" s="129">
        <f t="shared" si="14"/>
        <v>0</v>
      </c>
      <c r="H141" s="49"/>
      <c r="I141" s="51"/>
      <c r="J141" s="51"/>
      <c r="K141" s="51"/>
      <c r="L141" s="49"/>
      <c r="M141" s="49"/>
      <c r="N141" s="49"/>
    </row>
    <row r="142" spans="1:14" s="85" customFormat="1" x14ac:dyDescent="0.3">
      <c r="A142" s="51" t="s">
        <v>237</v>
      </c>
      <c r="B142" s="68" t="s">
        <v>1136</v>
      </c>
      <c r="C142" s="123">
        <v>0</v>
      </c>
      <c r="D142" s="123">
        <v>0</v>
      </c>
      <c r="E142" s="76"/>
      <c r="F142" s="129">
        <f t="shared" ref="F142:F162" si="15">IF($C$157=0,"",IF(C142="[for completion]","",IF(C142="","",C142/$C$157)))</f>
        <v>0</v>
      </c>
      <c r="G142" s="129">
        <f t="shared" ref="G142:G162" si="16">IF($D$157=0,"",IF(D142="[for completion]","",IF(D142="","",D142/$D$157)))</f>
        <v>0</v>
      </c>
      <c r="H142" s="49"/>
      <c r="I142" s="51"/>
      <c r="J142" s="51"/>
      <c r="K142" s="51"/>
      <c r="L142" s="49"/>
      <c r="M142" s="49"/>
      <c r="N142" s="49"/>
    </row>
    <row r="143" spans="1:14" s="85" customFormat="1" x14ac:dyDescent="0.3">
      <c r="A143" s="51" t="s">
        <v>238</v>
      </c>
      <c r="B143" s="68" t="s">
        <v>213</v>
      </c>
      <c r="C143" s="123">
        <v>0</v>
      </c>
      <c r="D143" s="123">
        <v>0</v>
      </c>
      <c r="E143" s="68"/>
      <c r="F143" s="129">
        <f t="shared" si="15"/>
        <v>0</v>
      </c>
      <c r="G143" s="129">
        <f t="shared" si="16"/>
        <v>0</v>
      </c>
      <c r="H143" s="49"/>
      <c r="I143" s="51"/>
      <c r="J143" s="51"/>
      <c r="K143" s="51"/>
      <c r="L143" s="49"/>
      <c r="M143" s="49"/>
      <c r="N143" s="49"/>
    </row>
    <row r="144" spans="1:14" x14ac:dyDescent="0.3">
      <c r="A144" s="51" t="s">
        <v>239</v>
      </c>
      <c r="B144" s="68" t="s">
        <v>215</v>
      </c>
      <c r="C144" s="123">
        <v>0</v>
      </c>
      <c r="D144" s="123">
        <v>0</v>
      </c>
      <c r="E144" s="68"/>
      <c r="F144" s="129">
        <f t="shared" si="15"/>
        <v>0</v>
      </c>
      <c r="G144" s="129">
        <f t="shared" si="16"/>
        <v>0</v>
      </c>
      <c r="H144" s="49"/>
      <c r="L144" s="49"/>
      <c r="M144" s="49"/>
    </row>
    <row r="145" spans="1:14" x14ac:dyDescent="0.3">
      <c r="A145" s="51" t="s">
        <v>240</v>
      </c>
      <c r="B145" s="68" t="s">
        <v>1137</v>
      </c>
      <c r="C145" s="123">
        <v>0</v>
      </c>
      <c r="D145" s="123">
        <v>0</v>
      </c>
      <c r="E145" s="68"/>
      <c r="F145" s="129">
        <f t="shared" si="15"/>
        <v>0</v>
      </c>
      <c r="G145" s="129">
        <f t="shared" si="16"/>
        <v>0</v>
      </c>
      <c r="H145" s="49"/>
      <c r="L145" s="49"/>
      <c r="M145" s="49"/>
      <c r="N145" s="80"/>
    </row>
    <row r="146" spans="1:14" x14ac:dyDescent="0.3">
      <c r="A146" s="51" t="s">
        <v>241</v>
      </c>
      <c r="B146" s="68" t="s">
        <v>217</v>
      </c>
      <c r="C146" s="123">
        <v>0</v>
      </c>
      <c r="D146" s="123">
        <v>0</v>
      </c>
      <c r="E146" s="68"/>
      <c r="F146" s="129">
        <f t="shared" si="15"/>
        <v>0</v>
      </c>
      <c r="G146" s="129">
        <f t="shared" si="16"/>
        <v>0</v>
      </c>
      <c r="H146" s="49"/>
      <c r="L146" s="49"/>
      <c r="M146" s="49"/>
      <c r="N146" s="80"/>
    </row>
    <row r="147" spans="1:14" x14ac:dyDescent="0.3">
      <c r="A147" s="51" t="s">
        <v>242</v>
      </c>
      <c r="B147" s="51" t="s">
        <v>1614</v>
      </c>
      <c r="C147" s="123">
        <v>0</v>
      </c>
      <c r="D147" s="123">
        <v>0</v>
      </c>
      <c r="F147" s="129">
        <f t="shared" si="15"/>
        <v>0</v>
      </c>
      <c r="G147" s="129">
        <f t="shared" si="16"/>
        <v>0</v>
      </c>
      <c r="H147" s="49"/>
      <c r="L147" s="49"/>
      <c r="M147" s="49"/>
      <c r="N147" s="80"/>
    </row>
    <row r="148" spans="1:14" x14ac:dyDescent="0.3">
      <c r="A148" s="51" t="s">
        <v>243</v>
      </c>
      <c r="B148" s="68" t="s">
        <v>1143</v>
      </c>
      <c r="C148" s="123">
        <v>0</v>
      </c>
      <c r="D148" s="123">
        <v>0</v>
      </c>
      <c r="E148" s="68"/>
      <c r="F148" s="129">
        <f t="shared" si="15"/>
        <v>0</v>
      </c>
      <c r="G148" s="129">
        <f t="shared" si="16"/>
        <v>0</v>
      </c>
      <c r="H148" s="49"/>
      <c r="L148" s="49"/>
      <c r="M148" s="49"/>
      <c r="N148" s="80"/>
    </row>
    <row r="149" spans="1:14" x14ac:dyDescent="0.3">
      <c r="A149" s="51" t="s">
        <v>244</v>
      </c>
      <c r="B149" s="68" t="s">
        <v>219</v>
      </c>
      <c r="C149" s="123">
        <v>0</v>
      </c>
      <c r="D149" s="123">
        <v>0</v>
      </c>
      <c r="E149" s="68"/>
      <c r="F149" s="129">
        <f t="shared" si="15"/>
        <v>0</v>
      </c>
      <c r="G149" s="129">
        <f t="shared" si="16"/>
        <v>0</v>
      </c>
      <c r="H149" s="49"/>
      <c r="L149" s="49"/>
      <c r="M149" s="49"/>
      <c r="N149" s="80"/>
    </row>
    <row r="150" spans="1:14" x14ac:dyDescent="0.3">
      <c r="A150" s="51" t="s">
        <v>245</v>
      </c>
      <c r="B150" s="68" t="s">
        <v>206</v>
      </c>
      <c r="C150" s="123">
        <v>0</v>
      </c>
      <c r="D150" s="123">
        <v>0</v>
      </c>
      <c r="E150" s="68"/>
      <c r="F150" s="129">
        <f t="shared" si="15"/>
        <v>0</v>
      </c>
      <c r="G150" s="129">
        <f t="shared" si="16"/>
        <v>0</v>
      </c>
      <c r="H150" s="49"/>
      <c r="L150" s="49"/>
      <c r="M150" s="49"/>
      <c r="N150" s="80"/>
    </row>
    <row r="151" spans="1:14" x14ac:dyDescent="0.3">
      <c r="A151" s="51" t="s">
        <v>246</v>
      </c>
      <c r="B151" s="51" t="s">
        <v>1716</v>
      </c>
      <c r="C151" s="123">
        <v>0</v>
      </c>
      <c r="D151" s="123">
        <v>0</v>
      </c>
      <c r="E151" s="68"/>
      <c r="F151" s="129">
        <f t="shared" si="15"/>
        <v>0</v>
      </c>
      <c r="G151" s="129">
        <f t="shared" si="16"/>
        <v>0</v>
      </c>
      <c r="H151" s="49"/>
      <c r="L151" s="49"/>
      <c r="M151" s="49"/>
      <c r="N151" s="80"/>
    </row>
    <row r="152" spans="1:14" x14ac:dyDescent="0.3">
      <c r="A152" s="51" t="s">
        <v>247</v>
      </c>
      <c r="B152" s="47" t="s">
        <v>1139</v>
      </c>
      <c r="C152" s="123">
        <v>0</v>
      </c>
      <c r="D152" s="123">
        <v>0</v>
      </c>
      <c r="E152" s="68"/>
      <c r="F152" s="129">
        <f t="shared" si="15"/>
        <v>0</v>
      </c>
      <c r="G152" s="129">
        <f t="shared" si="16"/>
        <v>0</v>
      </c>
      <c r="H152" s="49"/>
      <c r="L152" s="49"/>
      <c r="M152" s="49"/>
      <c r="N152" s="80"/>
    </row>
    <row r="153" spans="1:14" x14ac:dyDescent="0.3">
      <c r="A153" s="51" t="s">
        <v>248</v>
      </c>
      <c r="B153" s="68" t="s">
        <v>221</v>
      </c>
      <c r="C153" s="123">
        <v>0</v>
      </c>
      <c r="D153" s="123">
        <v>0</v>
      </c>
      <c r="E153" s="68"/>
      <c r="F153" s="129">
        <f t="shared" si="15"/>
        <v>0</v>
      </c>
      <c r="G153" s="129">
        <f t="shared" si="16"/>
        <v>0</v>
      </c>
      <c r="H153" s="49"/>
      <c r="L153" s="49"/>
      <c r="M153" s="49"/>
      <c r="N153" s="80"/>
    </row>
    <row r="154" spans="1:14" x14ac:dyDescent="0.3">
      <c r="A154" s="51" t="s">
        <v>1141</v>
      </c>
      <c r="B154" s="68" t="s">
        <v>223</v>
      </c>
      <c r="C154" s="123">
        <v>0</v>
      </c>
      <c r="D154" s="123">
        <v>0</v>
      </c>
      <c r="E154" s="68"/>
      <c r="F154" s="129">
        <f t="shared" si="15"/>
        <v>0</v>
      </c>
      <c r="G154" s="129">
        <f t="shared" si="16"/>
        <v>0</v>
      </c>
      <c r="H154" s="49"/>
      <c r="L154" s="49"/>
      <c r="M154" s="49"/>
      <c r="N154" s="80"/>
    </row>
    <row r="155" spans="1:14" x14ac:dyDescent="0.3">
      <c r="A155" s="51" t="s">
        <v>1144</v>
      </c>
      <c r="B155" s="68" t="s">
        <v>1138</v>
      </c>
      <c r="C155" s="123">
        <v>0</v>
      </c>
      <c r="D155" s="123">
        <v>0</v>
      </c>
      <c r="E155" s="68"/>
      <c r="F155" s="129">
        <f t="shared" si="15"/>
        <v>0</v>
      </c>
      <c r="G155" s="129">
        <f t="shared" si="16"/>
        <v>0</v>
      </c>
      <c r="H155" s="49"/>
      <c r="L155" s="49"/>
      <c r="M155" s="49"/>
      <c r="N155" s="80"/>
    </row>
    <row r="156" spans="1:14" outlineLevel="1" x14ac:dyDescent="0.3">
      <c r="A156" s="51" t="s">
        <v>1616</v>
      </c>
      <c r="B156" s="68" t="s">
        <v>135</v>
      </c>
      <c r="C156" s="123">
        <v>0</v>
      </c>
      <c r="D156" s="123">
        <v>0</v>
      </c>
      <c r="E156" s="68"/>
      <c r="F156" s="129">
        <f t="shared" si="15"/>
        <v>0</v>
      </c>
      <c r="G156" s="129">
        <f t="shared" si="16"/>
        <v>0</v>
      </c>
      <c r="H156" s="49"/>
      <c r="L156" s="49"/>
      <c r="M156" s="49"/>
      <c r="N156" s="80"/>
    </row>
    <row r="157" spans="1:14" outlineLevel="1" x14ac:dyDescent="0.3">
      <c r="A157" s="51" t="s">
        <v>249</v>
      </c>
      <c r="B157" s="83" t="s">
        <v>137</v>
      </c>
      <c r="C157" s="123">
        <f>SUM(C138:C156)</f>
        <v>11981.4</v>
      </c>
      <c r="D157" s="123">
        <f>SUM(D138:D156)</f>
        <v>11981.4</v>
      </c>
      <c r="E157" s="68"/>
      <c r="F157" s="129">
        <f>SUM(F138:F156)</f>
        <v>1</v>
      </c>
      <c r="G157" s="129">
        <f>SUM(G138:G156)</f>
        <v>1</v>
      </c>
      <c r="H157" s="49"/>
      <c r="L157" s="49"/>
      <c r="M157" s="49"/>
      <c r="N157" s="80"/>
    </row>
    <row r="158" spans="1:14" outlineLevel="1" x14ac:dyDescent="0.3">
      <c r="A158" s="51" t="s">
        <v>250</v>
      </c>
      <c r="B158" s="79" t="s">
        <v>139</v>
      </c>
      <c r="C158" s="123"/>
      <c r="D158" s="123"/>
      <c r="E158" s="68"/>
      <c r="F158" s="129" t="str">
        <f t="shared" si="15"/>
        <v/>
      </c>
      <c r="G158" s="129" t="str">
        <f t="shared" si="16"/>
        <v/>
      </c>
      <c r="H158" s="49"/>
      <c r="L158" s="49"/>
      <c r="M158" s="49"/>
      <c r="N158" s="80"/>
    </row>
    <row r="159" spans="1:14" outlineLevel="1" x14ac:dyDescent="0.3">
      <c r="A159" s="51" t="s">
        <v>251</v>
      </c>
      <c r="B159" s="79" t="s">
        <v>139</v>
      </c>
      <c r="C159" s="123"/>
      <c r="D159" s="123"/>
      <c r="E159" s="68"/>
      <c r="F159" s="129" t="str">
        <f t="shared" si="15"/>
        <v/>
      </c>
      <c r="G159" s="129" t="str">
        <f t="shared" si="16"/>
        <v/>
      </c>
      <c r="H159" s="49"/>
      <c r="L159" s="49"/>
      <c r="M159" s="49"/>
      <c r="N159" s="80"/>
    </row>
    <row r="160" spans="1:14" outlineLevel="1" x14ac:dyDescent="0.3">
      <c r="A160" s="51" t="s">
        <v>252</v>
      </c>
      <c r="B160" s="79" t="s">
        <v>139</v>
      </c>
      <c r="C160" s="123"/>
      <c r="D160" s="123"/>
      <c r="E160" s="68"/>
      <c r="F160" s="129" t="str">
        <f t="shared" si="15"/>
        <v/>
      </c>
      <c r="G160" s="129" t="str">
        <f t="shared" si="16"/>
        <v/>
      </c>
      <c r="H160" s="49"/>
      <c r="L160" s="49"/>
      <c r="M160" s="49"/>
      <c r="N160" s="80"/>
    </row>
    <row r="161" spans="1:14" outlineLevel="1" x14ac:dyDescent="0.3">
      <c r="A161" s="51" t="s">
        <v>253</v>
      </c>
      <c r="B161" s="79" t="s">
        <v>139</v>
      </c>
      <c r="C161" s="123"/>
      <c r="D161" s="123"/>
      <c r="E161" s="68"/>
      <c r="F161" s="129" t="str">
        <f t="shared" si="15"/>
        <v/>
      </c>
      <c r="G161" s="129" t="str">
        <f t="shared" si="16"/>
        <v/>
      </c>
      <c r="H161" s="49"/>
      <c r="L161" s="49"/>
      <c r="M161" s="49"/>
      <c r="N161" s="80"/>
    </row>
    <row r="162" spans="1:14" outlineLevel="1" x14ac:dyDescent="0.3">
      <c r="A162" s="51" t="s">
        <v>254</v>
      </c>
      <c r="B162" s="79" t="s">
        <v>139</v>
      </c>
      <c r="C162" s="123"/>
      <c r="D162" s="123"/>
      <c r="E162" s="68"/>
      <c r="F162" s="129" t="str">
        <f t="shared" si="15"/>
        <v/>
      </c>
      <c r="G162" s="129" t="str">
        <f t="shared" si="16"/>
        <v/>
      </c>
      <c r="H162" s="49"/>
      <c r="L162" s="49"/>
      <c r="M162" s="49"/>
      <c r="N162" s="80"/>
    </row>
    <row r="163" spans="1:14" ht="15" customHeight="1" x14ac:dyDescent="0.3">
      <c r="A163" s="70"/>
      <c r="B163" s="71" t="s">
        <v>255</v>
      </c>
      <c r="C163" s="110" t="s">
        <v>197</v>
      </c>
      <c r="D163" s="110" t="s">
        <v>198</v>
      </c>
      <c r="E163" s="72"/>
      <c r="F163" s="110" t="s">
        <v>199</v>
      </c>
      <c r="G163" s="110" t="s">
        <v>200</v>
      </c>
      <c r="H163" s="49"/>
      <c r="L163" s="49"/>
      <c r="M163" s="49"/>
      <c r="N163" s="80"/>
    </row>
    <row r="164" spans="1:14" x14ac:dyDescent="0.3">
      <c r="A164" s="51" t="s">
        <v>257</v>
      </c>
      <c r="B164" s="49" t="s">
        <v>258</v>
      </c>
      <c r="C164" s="123">
        <v>11581.4</v>
      </c>
      <c r="D164" s="123">
        <f>+C164</f>
        <v>11581.4</v>
      </c>
      <c r="E164" s="87"/>
      <c r="F164" s="129">
        <f>IF($C$167=0,"",IF(C164="[for completion]","",IF(C164="","",C164/$C$167)))</f>
        <v>0.96661491979234482</v>
      </c>
      <c r="G164" s="129">
        <f>IF($D$167=0,"",IF(D164="[for completion]","",IF(D164="","",D164/$D$167)))</f>
        <v>0.96661491979234482</v>
      </c>
      <c r="H164" s="49"/>
      <c r="L164" s="49"/>
      <c r="M164" s="49"/>
      <c r="N164" s="80"/>
    </row>
    <row r="165" spans="1:14" x14ac:dyDescent="0.3">
      <c r="A165" s="51" t="s">
        <v>259</v>
      </c>
      <c r="B165" s="49" t="s">
        <v>260</v>
      </c>
      <c r="C165" s="123">
        <v>400</v>
      </c>
      <c r="D165" s="123">
        <f>+C165</f>
        <v>400</v>
      </c>
      <c r="E165" s="87"/>
      <c r="F165" s="129">
        <f>IF($C$167=0,"",IF(C165="[for completion]","",IF(C165="","",C165/$C$167)))</f>
        <v>3.3385080207655203E-2</v>
      </c>
      <c r="G165" s="129">
        <f>IF($D$167=0,"",IF(D165="[for completion]","",IF(D165="","",D165/$D$167)))</f>
        <v>3.3385080207655203E-2</v>
      </c>
      <c r="H165" s="49"/>
      <c r="L165" s="49"/>
      <c r="M165" s="49"/>
      <c r="N165" s="80"/>
    </row>
    <row r="166" spans="1:14" x14ac:dyDescent="0.3">
      <c r="A166" s="51" t="s">
        <v>261</v>
      </c>
      <c r="B166" s="49" t="s">
        <v>135</v>
      </c>
      <c r="C166" s="123"/>
      <c r="D166" s="123"/>
      <c r="E166" s="87"/>
      <c r="F166" s="129" t="str">
        <f>IF($C$167=0,"",IF(C166="[for completion]","",IF(C166="","",C166/$C$167)))</f>
        <v/>
      </c>
      <c r="G166" s="129" t="str">
        <f>IF($D$167=0,"",IF(D166="[for completion]","",IF(D166="","",D166/$D$167)))</f>
        <v/>
      </c>
      <c r="H166" s="49"/>
      <c r="L166" s="49"/>
      <c r="M166" s="49"/>
      <c r="N166" s="80"/>
    </row>
    <row r="167" spans="1:14" x14ac:dyDescent="0.3">
      <c r="A167" s="51" t="s">
        <v>262</v>
      </c>
      <c r="B167" s="88" t="s">
        <v>137</v>
      </c>
      <c r="C167" s="132">
        <f>SUM(C164:C166)</f>
        <v>11981.4</v>
      </c>
      <c r="D167" s="132">
        <f>SUM(D164:D166)</f>
        <v>11981.4</v>
      </c>
      <c r="E167" s="87"/>
      <c r="F167" s="131">
        <f>SUM(F164:F166)</f>
        <v>1</v>
      </c>
      <c r="G167" s="131">
        <f>SUM(G164:G166)</f>
        <v>1</v>
      </c>
      <c r="H167" s="49"/>
      <c r="L167" s="49"/>
      <c r="M167" s="49"/>
      <c r="N167" s="80"/>
    </row>
    <row r="168" spans="1:14" outlineLevel="1" x14ac:dyDescent="0.3">
      <c r="A168" s="51" t="s">
        <v>263</v>
      </c>
      <c r="B168" s="88"/>
      <c r="C168" s="132"/>
      <c r="D168" s="132"/>
      <c r="E168" s="87"/>
      <c r="F168" s="87"/>
      <c r="G168" s="47"/>
      <c r="H168" s="49"/>
      <c r="L168" s="49"/>
      <c r="M168" s="49"/>
      <c r="N168" s="80"/>
    </row>
    <row r="169" spans="1:14" outlineLevel="1" x14ac:dyDescent="0.3">
      <c r="A169" s="51" t="s">
        <v>264</v>
      </c>
      <c r="B169" s="88"/>
      <c r="C169" s="132"/>
      <c r="D169" s="132"/>
      <c r="E169" s="87"/>
      <c r="F169" s="87"/>
      <c r="G169" s="47"/>
      <c r="H169" s="49"/>
      <c r="L169" s="49"/>
      <c r="M169" s="49"/>
      <c r="N169" s="80"/>
    </row>
    <row r="170" spans="1:14" outlineLevel="1" x14ac:dyDescent="0.3">
      <c r="A170" s="51" t="s">
        <v>265</v>
      </c>
      <c r="B170" s="88"/>
      <c r="C170" s="132"/>
      <c r="D170" s="132"/>
      <c r="E170" s="87"/>
      <c r="F170" s="87"/>
      <c r="G170" s="47"/>
      <c r="H170" s="49"/>
      <c r="L170" s="49"/>
      <c r="M170" s="49"/>
      <c r="N170" s="80"/>
    </row>
    <row r="171" spans="1:14" outlineLevel="1" x14ac:dyDescent="0.3">
      <c r="A171" s="51" t="s">
        <v>266</v>
      </c>
      <c r="B171" s="88"/>
      <c r="C171" s="132"/>
      <c r="D171" s="132"/>
      <c r="E171" s="87"/>
      <c r="F171" s="87"/>
      <c r="G171" s="47"/>
      <c r="H171" s="49"/>
      <c r="L171" s="49"/>
      <c r="M171" s="49"/>
      <c r="N171" s="80"/>
    </row>
    <row r="172" spans="1:14" outlineLevel="1" x14ac:dyDescent="0.3">
      <c r="A172" s="51" t="s">
        <v>267</v>
      </c>
      <c r="B172" s="88"/>
      <c r="C172" s="132"/>
      <c r="D172" s="132"/>
      <c r="E172" s="87"/>
      <c r="F172" s="87"/>
      <c r="G172" s="47"/>
      <c r="H172" s="49"/>
      <c r="L172" s="49"/>
      <c r="M172" s="49"/>
      <c r="N172" s="80"/>
    </row>
    <row r="173" spans="1:14" ht="15" customHeight="1" x14ac:dyDescent="0.3">
      <c r="A173" s="70"/>
      <c r="B173" s="71" t="s">
        <v>268</v>
      </c>
      <c r="C173" s="70" t="s">
        <v>106</v>
      </c>
      <c r="D173" s="70"/>
      <c r="E173" s="72"/>
      <c r="F173" s="73" t="s">
        <v>269</v>
      </c>
      <c r="G173" s="73"/>
      <c r="H173" s="49"/>
      <c r="L173" s="49"/>
      <c r="M173" s="49"/>
      <c r="N173" s="80"/>
    </row>
    <row r="174" spans="1:14" ht="15" customHeight="1" x14ac:dyDescent="0.3">
      <c r="A174" s="51" t="s">
        <v>270</v>
      </c>
      <c r="B174" s="68" t="s">
        <v>271</v>
      </c>
      <c r="C174" s="123">
        <v>0</v>
      </c>
      <c r="D174" s="65"/>
      <c r="E174" s="57"/>
      <c r="F174" s="129">
        <f>IF($C$179=0,"",IF(C174="[for completion]","",C174/$C$179))</f>
        <v>0</v>
      </c>
      <c r="G174" s="76"/>
      <c r="H174" s="49"/>
      <c r="L174" s="49"/>
      <c r="M174" s="49"/>
      <c r="N174" s="80"/>
    </row>
    <row r="175" spans="1:14" ht="30.75" customHeight="1" x14ac:dyDescent="0.3">
      <c r="A175" s="51" t="s">
        <v>8</v>
      </c>
      <c r="B175" s="68" t="s">
        <v>983</v>
      </c>
      <c r="C175" s="123">
        <v>0</v>
      </c>
      <c r="E175" s="78"/>
      <c r="F175" s="129">
        <f>IF($C$179=0,"",IF(C175="[for completion]","",C175/$C$179))</f>
        <v>0</v>
      </c>
      <c r="G175" s="76"/>
      <c r="H175" s="49"/>
      <c r="L175" s="49"/>
      <c r="M175" s="49"/>
      <c r="N175" s="80"/>
    </row>
    <row r="176" spans="1:14" x14ac:dyDescent="0.3">
      <c r="A176" s="51" t="s">
        <v>272</v>
      </c>
      <c r="B176" s="68" t="s">
        <v>273</v>
      </c>
      <c r="C176" s="123">
        <f>+C56</f>
        <v>344.5</v>
      </c>
      <c r="E176" s="78"/>
      <c r="F176" s="129">
        <f>IF($C$179=0,"",IF(C176="[for completion]","",C176/$C$179))</f>
        <v>1</v>
      </c>
      <c r="G176" s="76"/>
      <c r="H176" s="49"/>
      <c r="L176" s="49"/>
      <c r="M176" s="49"/>
      <c r="N176" s="80"/>
    </row>
    <row r="177" spans="1:14" x14ac:dyDescent="0.3">
      <c r="A177" s="51" t="s">
        <v>274</v>
      </c>
      <c r="B177" s="68" t="s">
        <v>275</v>
      </c>
      <c r="C177" s="123">
        <v>0</v>
      </c>
      <c r="E177" s="78"/>
      <c r="F177" s="129">
        <f>IF($C$179=0,"",IF(C177="[for completion]","",C177/$C$179))</f>
        <v>0</v>
      </c>
      <c r="G177" s="76"/>
      <c r="H177" s="49"/>
      <c r="L177" s="49"/>
      <c r="M177" s="49"/>
      <c r="N177" s="80"/>
    </row>
    <row r="178" spans="1:14" x14ac:dyDescent="0.3">
      <c r="A178" s="51" t="s">
        <v>276</v>
      </c>
      <c r="B178" s="68" t="s">
        <v>135</v>
      </c>
      <c r="C178" s="123">
        <v>0</v>
      </c>
      <c r="E178" s="78"/>
      <c r="F178" s="129">
        <f t="shared" ref="F178:F187" si="17">IF($C$179=0,"",IF(C178="[for completion]","",C178/$C$179))</f>
        <v>0</v>
      </c>
      <c r="G178" s="76"/>
      <c r="H178" s="49"/>
      <c r="L178" s="49"/>
      <c r="M178" s="49"/>
      <c r="N178" s="80"/>
    </row>
    <row r="179" spans="1:14" x14ac:dyDescent="0.3">
      <c r="A179" s="51" t="s">
        <v>9</v>
      </c>
      <c r="B179" s="83" t="s">
        <v>137</v>
      </c>
      <c r="C179" s="125">
        <f>SUM(C174:C178)</f>
        <v>344.5</v>
      </c>
      <c r="E179" s="78"/>
      <c r="F179" s="130">
        <f>SUM(F174:F178)</f>
        <v>1</v>
      </c>
      <c r="G179" s="76"/>
      <c r="H179" s="49"/>
      <c r="L179" s="49"/>
      <c r="M179" s="49"/>
      <c r="N179" s="80"/>
    </row>
    <row r="180" spans="1:14" outlineLevel="1" x14ac:dyDescent="0.3">
      <c r="A180" s="51" t="s">
        <v>277</v>
      </c>
      <c r="B180" s="89" t="s">
        <v>278</v>
      </c>
      <c r="C180" s="123"/>
      <c r="E180" s="78"/>
      <c r="F180" s="129">
        <f t="shared" si="17"/>
        <v>0</v>
      </c>
      <c r="G180" s="76"/>
      <c r="H180" s="49"/>
      <c r="L180" s="49"/>
      <c r="M180" s="49"/>
      <c r="N180" s="80"/>
    </row>
    <row r="181" spans="1:14" s="89" customFormat="1" ht="28.8" outlineLevel="1" x14ac:dyDescent="0.3">
      <c r="A181" s="51" t="s">
        <v>279</v>
      </c>
      <c r="B181" s="89" t="s">
        <v>280</v>
      </c>
      <c r="C181" s="133"/>
      <c r="F181" s="129">
        <f t="shared" si="17"/>
        <v>0</v>
      </c>
    </row>
    <row r="182" spans="1:14" ht="28.8" outlineLevel="1" x14ac:dyDescent="0.3">
      <c r="A182" s="51" t="s">
        <v>281</v>
      </c>
      <c r="B182" s="89" t="s">
        <v>282</v>
      </c>
      <c r="C182" s="123"/>
      <c r="E182" s="78"/>
      <c r="F182" s="129">
        <f t="shared" si="17"/>
        <v>0</v>
      </c>
      <c r="G182" s="76"/>
      <c r="H182" s="49"/>
      <c r="L182" s="49"/>
      <c r="M182" s="49"/>
      <c r="N182" s="80"/>
    </row>
    <row r="183" spans="1:14" outlineLevel="1" x14ac:dyDescent="0.3">
      <c r="A183" s="51" t="s">
        <v>283</v>
      </c>
      <c r="B183" s="89" t="s">
        <v>284</v>
      </c>
      <c r="C183" s="123"/>
      <c r="E183" s="78"/>
      <c r="F183" s="129">
        <f t="shared" si="17"/>
        <v>0</v>
      </c>
      <c r="G183" s="76"/>
      <c r="H183" s="49"/>
      <c r="L183" s="49"/>
      <c r="M183" s="49"/>
      <c r="N183" s="80"/>
    </row>
    <row r="184" spans="1:14" s="89" customFormat="1" outlineLevel="1" x14ac:dyDescent="0.3">
      <c r="A184" s="51" t="s">
        <v>285</v>
      </c>
      <c r="B184" s="89" t="s">
        <v>286</v>
      </c>
      <c r="C184" s="133"/>
      <c r="F184" s="129">
        <f t="shared" si="17"/>
        <v>0</v>
      </c>
    </row>
    <row r="185" spans="1:14" outlineLevel="1" x14ac:dyDescent="0.3">
      <c r="A185" s="51" t="s">
        <v>287</v>
      </c>
      <c r="B185" s="89" t="s">
        <v>288</v>
      </c>
      <c r="C185" s="123"/>
      <c r="E185" s="78"/>
      <c r="F185" s="129">
        <f t="shared" si="17"/>
        <v>0</v>
      </c>
      <c r="G185" s="76"/>
      <c r="H185" s="49"/>
      <c r="L185" s="49"/>
      <c r="M185" s="49"/>
      <c r="N185" s="80"/>
    </row>
    <row r="186" spans="1:14" outlineLevel="1" x14ac:dyDescent="0.3">
      <c r="A186" s="51" t="s">
        <v>289</v>
      </c>
      <c r="B186" s="89" t="s">
        <v>290</v>
      </c>
      <c r="C186" s="123"/>
      <c r="E186" s="78"/>
      <c r="F186" s="129">
        <f t="shared" si="17"/>
        <v>0</v>
      </c>
      <c r="G186" s="76"/>
      <c r="H186" s="49"/>
      <c r="L186" s="49"/>
      <c r="M186" s="49"/>
      <c r="N186" s="80"/>
    </row>
    <row r="187" spans="1:14" outlineLevel="1" x14ac:dyDescent="0.3">
      <c r="A187" s="51" t="s">
        <v>291</v>
      </c>
      <c r="B187" s="89" t="s">
        <v>292</v>
      </c>
      <c r="C187" s="123"/>
      <c r="E187" s="78"/>
      <c r="F187" s="129">
        <f t="shared" si="17"/>
        <v>0</v>
      </c>
      <c r="G187" s="76"/>
      <c r="H187" s="49"/>
      <c r="L187" s="49"/>
      <c r="M187" s="49"/>
      <c r="N187" s="80"/>
    </row>
    <row r="188" spans="1:14" outlineLevel="1" x14ac:dyDescent="0.3">
      <c r="A188" s="51" t="s">
        <v>293</v>
      </c>
      <c r="B188" s="89"/>
      <c r="E188" s="78"/>
      <c r="F188" s="76"/>
      <c r="G188" s="76"/>
      <c r="H188" s="49"/>
      <c r="L188" s="49"/>
      <c r="M188" s="49"/>
      <c r="N188" s="80"/>
    </row>
    <row r="189" spans="1:14" outlineLevel="1" x14ac:dyDescent="0.3">
      <c r="A189" s="51" t="s">
        <v>294</v>
      </c>
      <c r="B189" s="89"/>
      <c r="E189" s="78"/>
      <c r="F189" s="76"/>
      <c r="G189" s="76"/>
      <c r="H189" s="49"/>
      <c r="L189" s="49"/>
      <c r="M189" s="49"/>
      <c r="N189" s="80"/>
    </row>
    <row r="190" spans="1:14" outlineLevel="1" x14ac:dyDescent="0.3">
      <c r="A190" s="51" t="s">
        <v>295</v>
      </c>
      <c r="B190" s="89"/>
      <c r="E190" s="78"/>
      <c r="F190" s="76"/>
      <c r="G190" s="76"/>
      <c r="H190" s="49"/>
      <c r="L190" s="49"/>
      <c r="M190" s="49"/>
      <c r="N190" s="80"/>
    </row>
    <row r="191" spans="1:14" outlineLevel="1" x14ac:dyDescent="0.3">
      <c r="A191" s="51" t="s">
        <v>296</v>
      </c>
      <c r="B191" s="79"/>
      <c r="E191" s="78"/>
      <c r="F191" s="76"/>
      <c r="G191" s="76"/>
      <c r="H191" s="49"/>
      <c r="L191" s="49"/>
      <c r="M191" s="49"/>
      <c r="N191" s="80"/>
    </row>
    <row r="192" spans="1:14" ht="15" customHeight="1" x14ac:dyDescent="0.3">
      <c r="A192" s="70"/>
      <c r="B192" s="71" t="s">
        <v>297</v>
      </c>
      <c r="C192" s="70" t="s">
        <v>106</v>
      </c>
      <c r="D192" s="70"/>
      <c r="E192" s="72"/>
      <c r="F192" s="73" t="s">
        <v>269</v>
      </c>
      <c r="G192" s="73"/>
      <c r="H192" s="49"/>
      <c r="L192" s="49"/>
      <c r="M192" s="49"/>
      <c r="N192" s="80"/>
    </row>
    <row r="193" spans="1:14" x14ac:dyDescent="0.3">
      <c r="A193" s="51" t="s">
        <v>298</v>
      </c>
      <c r="B193" s="68" t="s">
        <v>299</v>
      </c>
      <c r="C193" s="123">
        <f>+C176</f>
        <v>344.5</v>
      </c>
      <c r="E193" s="75"/>
      <c r="F193" s="129">
        <f t="shared" ref="F193:F207" si="18">IF($C$209=0,"",IF(C193="[for completion]","",C193/$C$209))</f>
        <v>1</v>
      </c>
      <c r="G193" s="76"/>
      <c r="H193" s="49"/>
      <c r="L193" s="49"/>
      <c r="M193" s="49"/>
      <c r="N193" s="80"/>
    </row>
    <row r="194" spans="1:14" x14ac:dyDescent="0.3">
      <c r="A194" s="51" t="s">
        <v>300</v>
      </c>
      <c r="B194" s="68" t="s">
        <v>301</v>
      </c>
      <c r="C194" s="123">
        <v>0</v>
      </c>
      <c r="E194" s="78"/>
      <c r="F194" s="129">
        <f t="shared" si="18"/>
        <v>0</v>
      </c>
      <c r="G194" s="78"/>
      <c r="H194" s="49"/>
      <c r="L194" s="49"/>
      <c r="M194" s="49"/>
      <c r="N194" s="80"/>
    </row>
    <row r="195" spans="1:14" x14ac:dyDescent="0.3">
      <c r="A195" s="51" t="s">
        <v>302</v>
      </c>
      <c r="B195" s="68" t="s">
        <v>303</v>
      </c>
      <c r="C195" s="123">
        <v>0</v>
      </c>
      <c r="E195" s="78"/>
      <c r="F195" s="129">
        <f t="shared" si="18"/>
        <v>0</v>
      </c>
      <c r="G195" s="78"/>
      <c r="H195" s="49"/>
      <c r="L195" s="49"/>
      <c r="M195" s="49"/>
      <c r="N195" s="80"/>
    </row>
    <row r="196" spans="1:14" x14ac:dyDescent="0.3">
      <c r="A196" s="51" t="s">
        <v>304</v>
      </c>
      <c r="B196" s="68" t="s">
        <v>305</v>
      </c>
      <c r="C196" s="123">
        <v>0</v>
      </c>
      <c r="E196" s="78"/>
      <c r="F196" s="129">
        <f t="shared" si="18"/>
        <v>0</v>
      </c>
      <c r="G196" s="78"/>
      <c r="H196" s="49"/>
      <c r="L196" s="49"/>
      <c r="M196" s="49"/>
      <c r="N196" s="80"/>
    </row>
    <row r="197" spans="1:14" x14ac:dyDescent="0.3">
      <c r="A197" s="51" t="s">
        <v>306</v>
      </c>
      <c r="B197" s="68" t="s">
        <v>307</v>
      </c>
      <c r="C197" s="123">
        <v>0</v>
      </c>
      <c r="E197" s="78"/>
      <c r="F197" s="129">
        <f t="shared" si="18"/>
        <v>0</v>
      </c>
      <c r="G197" s="78"/>
      <c r="H197" s="49"/>
      <c r="L197" s="49"/>
      <c r="M197" s="49"/>
      <c r="N197" s="80"/>
    </row>
    <row r="198" spans="1:14" x14ac:dyDescent="0.3">
      <c r="A198" s="51" t="s">
        <v>308</v>
      </c>
      <c r="B198" s="51" t="s">
        <v>543</v>
      </c>
      <c r="C198" s="123">
        <v>0</v>
      </c>
      <c r="E198" s="78"/>
      <c r="F198" s="129">
        <f t="shared" si="18"/>
        <v>0</v>
      </c>
      <c r="G198" s="78"/>
      <c r="H198" s="49"/>
      <c r="L198" s="49"/>
      <c r="M198" s="49"/>
      <c r="N198" s="80"/>
    </row>
    <row r="199" spans="1:14" x14ac:dyDescent="0.3">
      <c r="A199" s="51" t="s">
        <v>310</v>
      </c>
      <c r="B199" s="68" t="s">
        <v>309</v>
      </c>
      <c r="C199" s="123">
        <v>0</v>
      </c>
      <c r="E199" s="78"/>
      <c r="F199" s="129">
        <f t="shared" si="18"/>
        <v>0</v>
      </c>
      <c r="G199" s="78"/>
      <c r="H199" s="49"/>
      <c r="L199" s="49"/>
      <c r="M199" s="49"/>
      <c r="N199" s="80"/>
    </row>
    <row r="200" spans="1:14" x14ac:dyDescent="0.3">
      <c r="A200" s="51" t="s">
        <v>312</v>
      </c>
      <c r="B200" s="68" t="s">
        <v>311</v>
      </c>
      <c r="C200" s="123">
        <v>0</v>
      </c>
      <c r="E200" s="78"/>
      <c r="F200" s="129">
        <f t="shared" si="18"/>
        <v>0</v>
      </c>
      <c r="G200" s="78"/>
      <c r="H200" s="49"/>
      <c r="L200" s="49"/>
      <c r="M200" s="49"/>
      <c r="N200" s="80"/>
    </row>
    <row r="201" spans="1:14" x14ac:dyDescent="0.3">
      <c r="A201" s="51" t="s">
        <v>313</v>
      </c>
      <c r="B201" s="68" t="s">
        <v>11</v>
      </c>
      <c r="C201" s="123">
        <v>0</v>
      </c>
      <c r="E201" s="78"/>
      <c r="F201" s="129">
        <f t="shared" si="18"/>
        <v>0</v>
      </c>
      <c r="G201" s="78"/>
      <c r="H201" s="49"/>
      <c r="L201" s="49"/>
      <c r="M201" s="49"/>
      <c r="N201" s="80"/>
    </row>
    <row r="202" spans="1:14" x14ac:dyDescent="0.3">
      <c r="A202" s="51" t="s">
        <v>315</v>
      </c>
      <c r="B202" s="68" t="s">
        <v>314</v>
      </c>
      <c r="C202" s="123">
        <v>0</v>
      </c>
      <c r="E202" s="78"/>
      <c r="F202" s="129">
        <f t="shared" si="18"/>
        <v>0</v>
      </c>
      <c r="G202" s="78"/>
      <c r="H202" s="49"/>
      <c r="L202" s="49"/>
      <c r="M202" s="49"/>
      <c r="N202" s="80"/>
    </row>
    <row r="203" spans="1:14" x14ac:dyDescent="0.3">
      <c r="A203" s="51" t="s">
        <v>317</v>
      </c>
      <c r="B203" s="68" t="s">
        <v>316</v>
      </c>
      <c r="C203" s="123">
        <v>0</v>
      </c>
      <c r="E203" s="78"/>
      <c r="F203" s="129">
        <f t="shared" si="18"/>
        <v>0</v>
      </c>
      <c r="G203" s="78"/>
      <c r="H203" s="49"/>
      <c r="L203" s="49"/>
      <c r="M203" s="49"/>
      <c r="N203" s="80"/>
    </row>
    <row r="204" spans="1:14" x14ac:dyDescent="0.3">
      <c r="A204" s="51" t="s">
        <v>319</v>
      </c>
      <c r="B204" s="68" t="s">
        <v>318</v>
      </c>
      <c r="C204" s="123">
        <v>0</v>
      </c>
      <c r="E204" s="78"/>
      <c r="F204" s="129">
        <f t="shared" si="18"/>
        <v>0</v>
      </c>
      <c r="G204" s="78"/>
      <c r="H204" s="49"/>
      <c r="L204" s="49"/>
      <c r="M204" s="49"/>
      <c r="N204" s="80"/>
    </row>
    <row r="205" spans="1:14" x14ac:dyDescent="0.3">
      <c r="A205" s="51" t="s">
        <v>321</v>
      </c>
      <c r="B205" s="68" t="s">
        <v>320</v>
      </c>
      <c r="C205" s="123">
        <v>0</v>
      </c>
      <c r="E205" s="78"/>
      <c r="F205" s="129">
        <f t="shared" si="18"/>
        <v>0</v>
      </c>
      <c r="G205" s="78"/>
      <c r="H205" s="49"/>
      <c r="L205" s="49"/>
      <c r="M205" s="49"/>
      <c r="N205" s="80"/>
    </row>
    <row r="206" spans="1:14" x14ac:dyDescent="0.3">
      <c r="A206" s="51" t="s">
        <v>323</v>
      </c>
      <c r="B206" s="68" t="s">
        <v>322</v>
      </c>
      <c r="C206" s="123">
        <v>0</v>
      </c>
      <c r="E206" s="78"/>
      <c r="F206" s="129">
        <f>IF($C$209=0,"",IF(C206="[for completion]","",C206/$C$209))</f>
        <v>0</v>
      </c>
      <c r="G206" s="78"/>
      <c r="H206" s="49"/>
      <c r="L206" s="49"/>
      <c r="M206" s="49"/>
      <c r="N206" s="80"/>
    </row>
    <row r="207" spans="1:14" x14ac:dyDescent="0.3">
      <c r="A207" s="51" t="s">
        <v>324</v>
      </c>
      <c r="B207" s="68" t="s">
        <v>135</v>
      </c>
      <c r="C207" s="123">
        <v>0</v>
      </c>
      <c r="E207" s="78"/>
      <c r="F207" s="129">
        <f t="shared" si="18"/>
        <v>0</v>
      </c>
      <c r="G207" s="78"/>
      <c r="H207" s="49"/>
      <c r="L207" s="49"/>
      <c r="M207" s="49"/>
      <c r="N207" s="80"/>
    </row>
    <row r="208" spans="1:14" x14ac:dyDescent="0.3">
      <c r="A208" s="51" t="s">
        <v>326</v>
      </c>
      <c r="B208" s="77" t="s">
        <v>325</v>
      </c>
      <c r="C208" s="123">
        <v>0</v>
      </c>
      <c r="D208" s="68"/>
      <c r="E208" s="78"/>
      <c r="F208" s="144">
        <f>IF($C$209=0,"",IF(C208="[for completion]","",C208/$C$209))</f>
        <v>0</v>
      </c>
      <c r="G208" s="78"/>
      <c r="H208" s="49"/>
      <c r="L208" s="49"/>
      <c r="M208" s="49"/>
      <c r="N208" s="80"/>
    </row>
    <row r="209" spans="1:14" outlineLevel="1" x14ac:dyDescent="0.3">
      <c r="A209" s="51" t="s">
        <v>327</v>
      </c>
      <c r="B209" s="83" t="s">
        <v>137</v>
      </c>
      <c r="C209" s="123">
        <f>SUM(C193:C207)</f>
        <v>344.5</v>
      </c>
      <c r="E209" s="78"/>
      <c r="F209" s="130">
        <f>SUM(F193:F207)</f>
        <v>1</v>
      </c>
      <c r="G209" s="78"/>
      <c r="H209" s="49"/>
      <c r="L209" s="49"/>
      <c r="M209" s="49"/>
      <c r="N209" s="80"/>
    </row>
    <row r="210" spans="1:14" outlineLevel="1" x14ac:dyDescent="0.3">
      <c r="A210" s="51" t="s">
        <v>328</v>
      </c>
      <c r="B210" s="79" t="s">
        <v>139</v>
      </c>
      <c r="C210" s="123"/>
      <c r="E210" s="78"/>
      <c r="F210" s="129">
        <f t="shared" ref="F210:F215" si="19">IF($C$209=0,"",IF(C210="[for completion]","",C210/$C$209))</f>
        <v>0</v>
      </c>
      <c r="G210" s="78"/>
      <c r="H210" s="49"/>
      <c r="L210" s="49"/>
      <c r="M210" s="49"/>
      <c r="N210" s="80"/>
    </row>
    <row r="211" spans="1:14" outlineLevel="1" x14ac:dyDescent="0.3">
      <c r="A211" s="51" t="s">
        <v>329</v>
      </c>
      <c r="B211" s="79" t="s">
        <v>139</v>
      </c>
      <c r="C211" s="123"/>
      <c r="E211" s="78"/>
      <c r="F211" s="129">
        <f t="shared" si="19"/>
        <v>0</v>
      </c>
      <c r="G211" s="78"/>
      <c r="H211" s="49"/>
      <c r="L211" s="49"/>
      <c r="M211" s="49"/>
      <c r="N211" s="80"/>
    </row>
    <row r="212" spans="1:14" outlineLevel="1" x14ac:dyDescent="0.3">
      <c r="A212" s="51" t="s">
        <v>330</v>
      </c>
      <c r="B212" s="79" t="s">
        <v>139</v>
      </c>
      <c r="C212" s="123"/>
      <c r="E212" s="78"/>
      <c r="F212" s="129">
        <f t="shared" si="19"/>
        <v>0</v>
      </c>
      <c r="G212" s="78"/>
      <c r="H212" s="49"/>
      <c r="L212" s="49"/>
      <c r="M212" s="49"/>
      <c r="N212" s="80"/>
    </row>
    <row r="213" spans="1:14" outlineLevel="1" x14ac:dyDescent="0.3">
      <c r="A213" s="51" t="s">
        <v>331</v>
      </c>
      <c r="B213" s="79" t="s">
        <v>139</v>
      </c>
      <c r="C213" s="123"/>
      <c r="E213" s="78"/>
      <c r="F213" s="129">
        <f t="shared" si="19"/>
        <v>0</v>
      </c>
      <c r="G213" s="78"/>
      <c r="H213" s="49"/>
      <c r="L213" s="49"/>
      <c r="M213" s="49"/>
      <c r="N213" s="80"/>
    </row>
    <row r="214" spans="1:14" outlineLevel="1" x14ac:dyDescent="0.3">
      <c r="A214" s="51" t="s">
        <v>332</v>
      </c>
      <c r="B214" s="79" t="s">
        <v>139</v>
      </c>
      <c r="C214" s="123"/>
      <c r="E214" s="78"/>
      <c r="F214" s="129">
        <f t="shared" si="19"/>
        <v>0</v>
      </c>
      <c r="G214" s="78"/>
      <c r="H214" s="49"/>
      <c r="L214" s="49"/>
      <c r="M214" s="49"/>
      <c r="N214" s="80"/>
    </row>
    <row r="215" spans="1:14" outlineLevel="1" x14ac:dyDescent="0.3">
      <c r="A215" s="51" t="s">
        <v>333</v>
      </c>
      <c r="B215" s="79" t="s">
        <v>139</v>
      </c>
      <c r="C215" s="123"/>
      <c r="E215" s="78"/>
      <c r="F215" s="129">
        <f t="shared" si="19"/>
        <v>0</v>
      </c>
      <c r="G215" s="78"/>
      <c r="H215" s="49"/>
      <c r="L215" s="49"/>
      <c r="M215" s="49"/>
      <c r="N215" s="80"/>
    </row>
    <row r="216" spans="1:14" ht="15" customHeight="1" x14ac:dyDescent="0.3">
      <c r="A216" s="70"/>
      <c r="B216" s="71" t="s">
        <v>334</v>
      </c>
      <c r="C216" s="70" t="s">
        <v>106</v>
      </c>
      <c r="D216" s="70"/>
      <c r="E216" s="72"/>
      <c r="F216" s="73" t="s">
        <v>125</v>
      </c>
      <c r="G216" s="73" t="s">
        <v>256</v>
      </c>
      <c r="H216" s="49"/>
      <c r="L216" s="49"/>
      <c r="M216" s="49"/>
      <c r="N216" s="80"/>
    </row>
    <row r="217" spans="1:14" x14ac:dyDescent="0.3">
      <c r="A217" s="51" t="s">
        <v>335</v>
      </c>
      <c r="B217" s="47" t="s">
        <v>336</v>
      </c>
      <c r="C217" s="123">
        <v>0</v>
      </c>
      <c r="E217" s="87"/>
      <c r="F217" s="129">
        <f>IF($C$38=0,"",IF(C217="[for completion]","",IF(C217="","",C217/$C$38)))</f>
        <v>0</v>
      </c>
      <c r="G217" s="129">
        <f>IF($C$39=0,"",IF(C217="[for completion]","",IF(C217="","",C217/$C$39)))</f>
        <v>0</v>
      </c>
      <c r="H217" s="49"/>
      <c r="L217" s="49"/>
      <c r="M217" s="49"/>
      <c r="N217" s="80"/>
    </row>
    <row r="218" spans="1:14" x14ac:dyDescent="0.3">
      <c r="A218" s="51" t="s">
        <v>337</v>
      </c>
      <c r="B218" s="47" t="s">
        <v>338</v>
      </c>
      <c r="C218" s="123">
        <v>0</v>
      </c>
      <c r="E218" s="87"/>
      <c r="F218" s="129">
        <f>IF($C$38=0,"",IF(C218="[for completion]","",IF(C218="","",C218/$C$38)))</f>
        <v>0</v>
      </c>
      <c r="G218" s="129">
        <f>IF($C$39=0,"",IF(C218="[for completion]","",IF(C218="","",C218/$C$39)))</f>
        <v>0</v>
      </c>
      <c r="H218" s="49"/>
      <c r="L218" s="49"/>
      <c r="M218" s="49"/>
      <c r="N218" s="80"/>
    </row>
    <row r="219" spans="1:14" x14ac:dyDescent="0.3">
      <c r="A219" s="51" t="s">
        <v>339</v>
      </c>
      <c r="B219" s="47" t="s">
        <v>135</v>
      </c>
      <c r="C219" s="123">
        <v>0</v>
      </c>
      <c r="E219" s="87"/>
      <c r="F219" s="129">
        <f>IF($C$38=0,"",IF(C219="[for completion]","",IF(C219="","",C219/$C$38)))</f>
        <v>0</v>
      </c>
      <c r="G219" s="129">
        <f>IF($C$39=0,"",IF(C219="[for completion]","",IF(C219="","",C219/$C$39)))</f>
        <v>0</v>
      </c>
      <c r="H219" s="49"/>
      <c r="L219" s="49"/>
      <c r="M219" s="49"/>
      <c r="N219" s="80"/>
    </row>
    <row r="220" spans="1:14" x14ac:dyDescent="0.3">
      <c r="A220" s="51" t="s">
        <v>340</v>
      </c>
      <c r="B220" s="83" t="s">
        <v>137</v>
      </c>
      <c r="C220" s="123">
        <f>SUM(C217:C219)</f>
        <v>0</v>
      </c>
      <c r="E220" s="87"/>
      <c r="F220" s="122">
        <f>SUM(F217:F219)</f>
        <v>0</v>
      </c>
      <c r="G220" s="122">
        <f>SUM(G217:G219)</f>
        <v>0</v>
      </c>
      <c r="H220" s="49"/>
      <c r="L220" s="49"/>
      <c r="M220" s="49"/>
      <c r="N220" s="80"/>
    </row>
    <row r="221" spans="1:14" outlineLevel="1" x14ac:dyDescent="0.3">
      <c r="A221" s="51" t="s">
        <v>341</v>
      </c>
      <c r="B221" s="79" t="s">
        <v>139</v>
      </c>
      <c r="C221" s="123"/>
      <c r="E221" s="87"/>
      <c r="F221" s="129" t="str">
        <f t="shared" ref="F221:F227" si="20">IF($C$38=0,"",IF(C221="[for completion]","",IF(C221="","",C221/$C$38)))</f>
        <v/>
      </c>
      <c r="G221" s="129" t="str">
        <f t="shared" ref="G221:G227" si="21">IF($C$39=0,"",IF(C221="[for completion]","",IF(C221="","",C221/$C$39)))</f>
        <v/>
      </c>
      <c r="H221" s="49"/>
      <c r="L221" s="49"/>
      <c r="M221" s="49"/>
      <c r="N221" s="80"/>
    </row>
    <row r="222" spans="1:14" outlineLevel="1" x14ac:dyDescent="0.3">
      <c r="A222" s="51" t="s">
        <v>342</v>
      </c>
      <c r="B222" s="79" t="s">
        <v>139</v>
      </c>
      <c r="C222" s="123"/>
      <c r="E222" s="87"/>
      <c r="F222" s="129" t="str">
        <f t="shared" si="20"/>
        <v/>
      </c>
      <c r="G222" s="129" t="str">
        <f t="shared" si="21"/>
        <v/>
      </c>
      <c r="H222" s="49"/>
      <c r="L222" s="49"/>
      <c r="M222" s="49"/>
      <c r="N222" s="80"/>
    </row>
    <row r="223" spans="1:14" outlineLevel="1" x14ac:dyDescent="0.3">
      <c r="A223" s="51" t="s">
        <v>343</v>
      </c>
      <c r="B223" s="79" t="s">
        <v>139</v>
      </c>
      <c r="C223" s="123"/>
      <c r="E223" s="87"/>
      <c r="F223" s="129" t="str">
        <f t="shared" si="20"/>
        <v/>
      </c>
      <c r="G223" s="129" t="str">
        <f t="shared" si="21"/>
        <v/>
      </c>
      <c r="H223" s="49"/>
      <c r="L223" s="49"/>
      <c r="M223" s="49"/>
      <c r="N223" s="80"/>
    </row>
    <row r="224" spans="1:14" outlineLevel="1" x14ac:dyDescent="0.3">
      <c r="A224" s="51" t="s">
        <v>344</v>
      </c>
      <c r="B224" s="79" t="s">
        <v>139</v>
      </c>
      <c r="C224" s="123"/>
      <c r="E224" s="87"/>
      <c r="F224" s="129" t="str">
        <f t="shared" si="20"/>
        <v/>
      </c>
      <c r="G224" s="129" t="str">
        <f t="shared" si="21"/>
        <v/>
      </c>
      <c r="H224" s="49"/>
      <c r="L224" s="49"/>
      <c r="M224" s="49"/>
      <c r="N224" s="80"/>
    </row>
    <row r="225" spans="1:14" outlineLevel="1" x14ac:dyDescent="0.3">
      <c r="A225" s="51" t="s">
        <v>345</v>
      </c>
      <c r="B225" s="79" t="s">
        <v>139</v>
      </c>
      <c r="C225" s="123"/>
      <c r="E225" s="87"/>
      <c r="F225" s="129" t="str">
        <f t="shared" si="20"/>
        <v/>
      </c>
      <c r="G225" s="129" t="str">
        <f t="shared" si="21"/>
        <v/>
      </c>
      <c r="H225" s="49"/>
      <c r="L225" s="49"/>
      <c r="M225" s="49"/>
    </row>
    <row r="226" spans="1:14" outlineLevel="1" x14ac:dyDescent="0.3">
      <c r="A226" s="51" t="s">
        <v>346</v>
      </c>
      <c r="B226" s="79" t="s">
        <v>139</v>
      </c>
      <c r="C226" s="123"/>
      <c r="E226" s="68"/>
      <c r="F226" s="129" t="str">
        <f t="shared" si="20"/>
        <v/>
      </c>
      <c r="G226" s="129" t="str">
        <f t="shared" si="21"/>
        <v/>
      </c>
      <c r="H226" s="49"/>
      <c r="L226" s="49"/>
      <c r="M226" s="49"/>
    </row>
    <row r="227" spans="1:14" outlineLevel="1" x14ac:dyDescent="0.3">
      <c r="A227" s="51" t="s">
        <v>347</v>
      </c>
      <c r="B227" s="79" t="s">
        <v>139</v>
      </c>
      <c r="C227" s="123"/>
      <c r="E227" s="87"/>
      <c r="F227" s="129" t="str">
        <f t="shared" si="20"/>
        <v/>
      </c>
      <c r="G227" s="129" t="str">
        <f t="shared" si="21"/>
        <v/>
      </c>
      <c r="H227" s="49"/>
      <c r="L227" s="49"/>
      <c r="M227" s="49"/>
    </row>
    <row r="228" spans="1:14" ht="15" customHeight="1" x14ac:dyDescent="0.3">
      <c r="A228" s="70"/>
      <c r="B228" s="71" t="s">
        <v>348</v>
      </c>
      <c r="C228" s="70"/>
      <c r="D228" s="70"/>
      <c r="E228" s="72"/>
      <c r="F228" s="73"/>
      <c r="G228" s="73"/>
      <c r="H228" s="49"/>
      <c r="L228" s="49"/>
      <c r="M228" s="49"/>
    </row>
    <row r="229" spans="1:14" ht="43.2" x14ac:dyDescent="0.3">
      <c r="A229" s="51" t="s">
        <v>349</v>
      </c>
      <c r="B229" s="68" t="s">
        <v>350</v>
      </c>
      <c r="C229" s="51" t="str">
        <f>C30</f>
        <v>https://www.coveredbondlabel.com/issuer/68-banco-santander-totta-s-a
Covered Bond label</v>
      </c>
      <c r="H229" s="49"/>
      <c r="L229" s="49"/>
      <c r="M229" s="49"/>
    </row>
    <row r="230" spans="1:14" ht="15" customHeight="1" x14ac:dyDescent="0.3">
      <c r="A230" s="70"/>
      <c r="B230" s="71" t="s">
        <v>351</v>
      </c>
      <c r="C230" s="70"/>
      <c r="D230" s="70"/>
      <c r="E230" s="72"/>
      <c r="F230" s="73"/>
      <c r="G230" s="73"/>
      <c r="H230" s="49"/>
      <c r="L230" s="49"/>
      <c r="M230" s="49"/>
    </row>
    <row r="231" spans="1:14" x14ac:dyDescent="0.3">
      <c r="A231" s="51" t="s">
        <v>10</v>
      </c>
      <c r="B231" s="51" t="s">
        <v>986</v>
      </c>
      <c r="C231" s="123">
        <f>+C167</f>
        <v>11981.4</v>
      </c>
      <c r="E231" s="68"/>
      <c r="H231" s="49"/>
      <c r="L231" s="49"/>
      <c r="M231" s="49"/>
    </row>
    <row r="232" spans="1:14" x14ac:dyDescent="0.3">
      <c r="A232" s="51" t="s">
        <v>352</v>
      </c>
      <c r="B232" s="1" t="s">
        <v>353</v>
      </c>
      <c r="C232" s="123" t="s">
        <v>1749</v>
      </c>
      <c r="E232" s="68"/>
      <c r="H232" s="49"/>
      <c r="L232" s="49"/>
      <c r="M232" s="49"/>
    </row>
    <row r="233" spans="1:14" x14ac:dyDescent="0.3">
      <c r="A233" s="51" t="s">
        <v>354</v>
      </c>
      <c r="B233" s="1" t="s">
        <v>355</v>
      </c>
      <c r="C233" s="123" t="s">
        <v>202</v>
      </c>
      <c r="E233" s="68"/>
      <c r="H233" s="49"/>
      <c r="L233" s="49"/>
      <c r="M233" s="49"/>
    </row>
    <row r="234" spans="1:14" outlineLevel="1" x14ac:dyDescent="0.3">
      <c r="A234" s="51" t="s">
        <v>356</v>
      </c>
      <c r="B234" s="66" t="s">
        <v>357</v>
      </c>
      <c r="C234" s="125">
        <v>-506.00312199316107</v>
      </c>
      <c r="D234" s="68"/>
      <c r="E234" s="68"/>
      <c r="H234" s="49"/>
      <c r="L234" s="49"/>
      <c r="M234" s="49"/>
    </row>
    <row r="235" spans="1:14" outlineLevel="1" x14ac:dyDescent="0.3">
      <c r="A235" s="51" t="s">
        <v>358</v>
      </c>
      <c r="B235" s="66" t="s">
        <v>359</v>
      </c>
      <c r="C235" s="125"/>
      <c r="D235" s="68"/>
      <c r="E235" s="68"/>
      <c r="H235" s="49"/>
      <c r="L235" s="49"/>
      <c r="M235" s="49"/>
    </row>
    <row r="236" spans="1:14" outlineLevel="1" x14ac:dyDescent="0.3">
      <c r="A236" s="51" t="s">
        <v>360</v>
      </c>
      <c r="B236" s="66" t="s">
        <v>361</v>
      </c>
      <c r="C236" s="68"/>
      <c r="D236" s="68"/>
      <c r="E236" s="68"/>
      <c r="H236" s="49"/>
      <c r="L236" s="49"/>
      <c r="M236" s="49"/>
    </row>
    <row r="237" spans="1:14" outlineLevel="1" x14ac:dyDescent="0.3">
      <c r="A237" s="51" t="s">
        <v>362</v>
      </c>
      <c r="C237" s="68"/>
      <c r="D237" s="68"/>
      <c r="E237" s="68"/>
      <c r="H237" s="49"/>
      <c r="L237" s="49"/>
      <c r="M237" s="49"/>
    </row>
    <row r="238" spans="1:14" outlineLevel="1" x14ac:dyDescent="0.3">
      <c r="A238" s="51" t="s">
        <v>363</v>
      </c>
      <c r="C238" s="68"/>
      <c r="D238" s="68"/>
      <c r="E238" s="68"/>
      <c r="H238" s="49"/>
      <c r="L238" s="49"/>
      <c r="M238" s="49"/>
    </row>
    <row r="239" spans="1:14" outlineLevel="1" x14ac:dyDescent="0.3">
      <c r="A239" s="70"/>
      <c r="B239" s="71" t="s">
        <v>1691</v>
      </c>
      <c r="C239" s="70"/>
      <c r="D239" s="70"/>
      <c r="E239" s="70"/>
      <c r="F239" s="70"/>
      <c r="G239" s="70"/>
      <c r="H239" s="49"/>
      <c r="K239"/>
      <c r="L239"/>
      <c r="M239"/>
      <c r="N239"/>
    </row>
    <row r="240" spans="1:14" ht="28.8" outlineLevel="1" x14ac:dyDescent="0.3">
      <c r="A240" s="51" t="s">
        <v>1177</v>
      </c>
      <c r="B240" s="51" t="s">
        <v>1690</v>
      </c>
      <c r="C240" s="51" t="s">
        <v>1750</v>
      </c>
      <c r="G240"/>
      <c r="H240" s="49"/>
      <c r="K240"/>
      <c r="L240"/>
      <c r="M240"/>
      <c r="N240"/>
    </row>
    <row r="241" spans="1:14" outlineLevel="1" x14ac:dyDescent="0.3">
      <c r="A241" s="51" t="s">
        <v>1178</v>
      </c>
      <c r="B241" s="51" t="s">
        <v>1700</v>
      </c>
      <c r="C241" s="51" t="s">
        <v>79</v>
      </c>
      <c r="G241"/>
      <c r="H241" s="49"/>
      <c r="K241"/>
      <c r="L241"/>
      <c r="M241"/>
      <c r="N241"/>
    </row>
    <row r="242" spans="1:14" outlineLevel="1" x14ac:dyDescent="0.3">
      <c r="A242" s="51" t="s">
        <v>1351</v>
      </c>
      <c r="B242" s="51" t="s">
        <v>1681</v>
      </c>
      <c r="C242" s="51" t="s">
        <v>1683</v>
      </c>
      <c r="G242"/>
      <c r="H242" s="49"/>
      <c r="K242"/>
      <c r="L242"/>
      <c r="M242"/>
      <c r="N242"/>
    </row>
    <row r="243" spans="1:14" ht="28.8" outlineLevel="1" x14ac:dyDescent="0.3">
      <c r="A243" s="51" t="s">
        <v>1352</v>
      </c>
      <c r="B243" s="51" t="s">
        <v>1689</v>
      </c>
      <c r="C243" s="51" t="s">
        <v>1680</v>
      </c>
      <c r="G243"/>
      <c r="H243" s="49"/>
      <c r="K243"/>
      <c r="L243"/>
      <c r="M243"/>
      <c r="N243"/>
    </row>
    <row r="244" spans="1:14" outlineLevel="1" x14ac:dyDescent="0.3">
      <c r="A244" s="51" t="s">
        <v>1686</v>
      </c>
      <c r="B244" s="51" t="s">
        <v>1682</v>
      </c>
      <c r="C244" s="177" t="s">
        <v>1684</v>
      </c>
      <c r="D244" s="177" t="s">
        <v>1708</v>
      </c>
      <c r="E244" s="142"/>
      <c r="G244"/>
      <c r="H244" s="49"/>
      <c r="K244"/>
      <c r="L244"/>
      <c r="M244"/>
      <c r="N244"/>
    </row>
    <row r="245" spans="1:14" outlineLevel="1" x14ac:dyDescent="0.3">
      <c r="A245" s="51" t="s">
        <v>1687</v>
      </c>
      <c r="B245" s="51" t="s">
        <v>1685</v>
      </c>
      <c r="C245" s="142" t="s">
        <v>1680</v>
      </c>
      <c r="G245"/>
      <c r="H245" s="49"/>
      <c r="K245"/>
      <c r="L245"/>
      <c r="M245"/>
      <c r="N245"/>
    </row>
    <row r="246" spans="1:14" outlineLevel="1" x14ac:dyDescent="0.3">
      <c r="A246" s="51" t="s">
        <v>1688</v>
      </c>
      <c r="B246" s="51" t="s">
        <v>1701</v>
      </c>
      <c r="C246" s="51" t="s">
        <v>1683</v>
      </c>
      <c r="G246"/>
      <c r="H246" s="49"/>
      <c r="K246"/>
      <c r="L246"/>
      <c r="M246"/>
      <c r="N246"/>
    </row>
    <row r="247" spans="1:14" outlineLevel="1" x14ac:dyDescent="0.3">
      <c r="A247" s="51" t="s">
        <v>1180</v>
      </c>
      <c r="D247"/>
      <c r="E247"/>
      <c r="F247"/>
      <c r="G247"/>
      <c r="H247" s="49"/>
      <c r="K247"/>
      <c r="L247"/>
      <c r="M247"/>
      <c r="N247"/>
    </row>
    <row r="248" spans="1:14" outlineLevel="1" x14ac:dyDescent="0.3">
      <c r="A248" s="51" t="s">
        <v>1181</v>
      </c>
      <c r="D248"/>
      <c r="E248"/>
      <c r="F248"/>
      <c r="G248"/>
      <c r="H248" s="49"/>
      <c r="K248"/>
      <c r="L248"/>
      <c r="M248"/>
      <c r="N248"/>
    </row>
    <row r="249" spans="1:14" outlineLevel="1" x14ac:dyDescent="0.3">
      <c r="A249" s="51" t="s">
        <v>1179</v>
      </c>
      <c r="D249"/>
      <c r="E249"/>
      <c r="F249"/>
      <c r="G249"/>
      <c r="H249" s="49"/>
      <c r="K249"/>
      <c r="L249"/>
      <c r="M249"/>
      <c r="N249"/>
    </row>
    <row r="250" spans="1:14" outlineLevel="1" x14ac:dyDescent="0.3">
      <c r="A250" s="51" t="s">
        <v>1182</v>
      </c>
      <c r="D250"/>
      <c r="E250"/>
      <c r="F250"/>
      <c r="G250"/>
      <c r="H250" s="49"/>
      <c r="K250"/>
      <c r="L250"/>
      <c r="M250"/>
      <c r="N250"/>
    </row>
    <row r="251" spans="1:14" outlineLevel="1" x14ac:dyDescent="0.3">
      <c r="A251" s="51" t="s">
        <v>1183</v>
      </c>
      <c r="D251"/>
      <c r="E251"/>
      <c r="F251"/>
      <c r="G251"/>
      <c r="H251" s="49"/>
      <c r="K251"/>
      <c r="L251"/>
      <c r="M251"/>
      <c r="N251"/>
    </row>
    <row r="252" spans="1:14" outlineLevel="1" x14ac:dyDescent="0.3">
      <c r="A252" s="51" t="s">
        <v>1184</v>
      </c>
      <c r="D252"/>
      <c r="E252"/>
      <c r="F252"/>
      <c r="G252"/>
      <c r="H252" s="49"/>
      <c r="K252"/>
      <c r="L252"/>
      <c r="M252"/>
      <c r="N252"/>
    </row>
    <row r="253" spans="1:14" outlineLevel="1" x14ac:dyDescent="0.3">
      <c r="A253" s="51" t="s">
        <v>1185</v>
      </c>
      <c r="D253"/>
      <c r="E253"/>
      <c r="F253"/>
      <c r="G253"/>
      <c r="H253" s="49"/>
      <c r="K253"/>
      <c r="L253"/>
      <c r="M253"/>
      <c r="N253"/>
    </row>
    <row r="254" spans="1:14" outlineLevel="1" x14ac:dyDescent="0.3">
      <c r="A254" s="51" t="s">
        <v>1186</v>
      </c>
      <c r="D254"/>
      <c r="E254"/>
      <c r="F254"/>
      <c r="G254"/>
      <c r="H254" s="49"/>
      <c r="K254"/>
      <c r="L254"/>
      <c r="M254"/>
      <c r="N254"/>
    </row>
    <row r="255" spans="1:14" outlineLevel="1" x14ac:dyDescent="0.3">
      <c r="A255" s="51" t="s">
        <v>1187</v>
      </c>
      <c r="D255"/>
      <c r="E255"/>
      <c r="F255"/>
      <c r="G255"/>
      <c r="H255" s="49"/>
      <c r="K255"/>
      <c r="L255"/>
      <c r="M255"/>
      <c r="N255"/>
    </row>
    <row r="256" spans="1:14" outlineLevel="1" x14ac:dyDescent="0.3">
      <c r="A256" s="51" t="s">
        <v>1188</v>
      </c>
      <c r="D256"/>
      <c r="E256"/>
      <c r="F256"/>
      <c r="G256"/>
      <c r="H256" s="49"/>
      <c r="K256"/>
      <c r="L256"/>
      <c r="M256"/>
      <c r="N256"/>
    </row>
    <row r="257" spans="1:14" outlineLevel="1" x14ac:dyDescent="0.3">
      <c r="A257" s="51" t="s">
        <v>1189</v>
      </c>
      <c r="D257"/>
      <c r="E257"/>
      <c r="F257"/>
      <c r="G257"/>
      <c r="H257" s="49"/>
      <c r="K257"/>
      <c r="L257"/>
      <c r="M257"/>
      <c r="N257"/>
    </row>
    <row r="258" spans="1:14" outlineLevel="1" x14ac:dyDescent="0.3">
      <c r="A258" s="51" t="s">
        <v>1190</v>
      </c>
      <c r="D258"/>
      <c r="E258"/>
      <c r="F258"/>
      <c r="G258"/>
      <c r="H258" s="49"/>
      <c r="K258"/>
      <c r="L258"/>
      <c r="M258"/>
      <c r="N258"/>
    </row>
    <row r="259" spans="1:14" outlineLevel="1" x14ac:dyDescent="0.3">
      <c r="A259" s="51" t="s">
        <v>1191</v>
      </c>
      <c r="D259"/>
      <c r="E259"/>
      <c r="F259"/>
      <c r="G259"/>
      <c r="H259" s="49"/>
      <c r="K259"/>
      <c r="L259"/>
      <c r="M259"/>
      <c r="N259"/>
    </row>
    <row r="260" spans="1:14" outlineLevel="1" x14ac:dyDescent="0.3">
      <c r="A260" s="51" t="s">
        <v>1192</v>
      </c>
      <c r="D260"/>
      <c r="E260"/>
      <c r="F260"/>
      <c r="G260"/>
      <c r="H260" s="49"/>
      <c r="K260"/>
      <c r="L260"/>
      <c r="M260"/>
      <c r="N260"/>
    </row>
    <row r="261" spans="1:14" outlineLevel="1" x14ac:dyDescent="0.3">
      <c r="A261" s="51" t="s">
        <v>1193</v>
      </c>
      <c r="D261"/>
      <c r="E261"/>
      <c r="F261"/>
      <c r="G261"/>
      <c r="H261" s="49"/>
      <c r="K261"/>
      <c r="L261"/>
      <c r="M261"/>
      <c r="N261"/>
    </row>
    <row r="262" spans="1:14" outlineLevel="1" x14ac:dyDescent="0.3">
      <c r="A262" s="51" t="s">
        <v>1194</v>
      </c>
      <c r="D262"/>
      <c r="E262"/>
      <c r="F262"/>
      <c r="G262"/>
      <c r="H262" s="49"/>
      <c r="K262"/>
      <c r="L262"/>
      <c r="M262"/>
      <c r="N262"/>
    </row>
    <row r="263" spans="1:14" outlineLevel="1" x14ac:dyDescent="0.3">
      <c r="A263" s="51" t="s">
        <v>1195</v>
      </c>
      <c r="D263"/>
      <c r="E263"/>
      <c r="F263"/>
      <c r="G263"/>
      <c r="H263" s="49"/>
      <c r="K263"/>
      <c r="L263"/>
      <c r="M263"/>
      <c r="N263"/>
    </row>
    <row r="264" spans="1:14" outlineLevel="1" x14ac:dyDescent="0.3">
      <c r="A264" s="51" t="s">
        <v>1196</v>
      </c>
      <c r="D264"/>
      <c r="E264"/>
      <c r="F264"/>
      <c r="G264"/>
      <c r="H264" s="49"/>
      <c r="K264"/>
      <c r="L264"/>
      <c r="M264"/>
      <c r="N264"/>
    </row>
    <row r="265" spans="1:14" outlineLevel="1" x14ac:dyDescent="0.3">
      <c r="A265" s="51" t="s">
        <v>1197</v>
      </c>
      <c r="D265"/>
      <c r="E265"/>
      <c r="F265"/>
      <c r="G265"/>
      <c r="H265" s="49"/>
      <c r="K265"/>
      <c r="L265"/>
      <c r="M265"/>
      <c r="N265"/>
    </row>
    <row r="266" spans="1:14" outlineLevel="1" x14ac:dyDescent="0.3">
      <c r="A266" s="51" t="s">
        <v>1198</v>
      </c>
      <c r="D266"/>
      <c r="E266"/>
      <c r="F266"/>
      <c r="G266"/>
      <c r="H266" s="49"/>
      <c r="K266"/>
      <c r="L266"/>
      <c r="M266"/>
      <c r="N266"/>
    </row>
    <row r="267" spans="1:14" outlineLevel="1" x14ac:dyDescent="0.3">
      <c r="A267" s="51" t="s">
        <v>1199</v>
      </c>
      <c r="D267"/>
      <c r="E267"/>
      <c r="F267"/>
      <c r="G267"/>
      <c r="H267" s="49"/>
      <c r="K267"/>
      <c r="L267"/>
      <c r="M267"/>
      <c r="N267"/>
    </row>
    <row r="268" spans="1:14" outlineLevel="1" x14ac:dyDescent="0.3">
      <c r="A268" s="51" t="s">
        <v>1200</v>
      </c>
      <c r="D268"/>
      <c r="E268"/>
      <c r="F268"/>
      <c r="G268"/>
      <c r="H268" s="49"/>
      <c r="K268"/>
      <c r="L268"/>
      <c r="M268"/>
      <c r="N268"/>
    </row>
    <row r="269" spans="1:14" outlineLevel="1" x14ac:dyDescent="0.3">
      <c r="A269" s="51" t="s">
        <v>1201</v>
      </c>
      <c r="D269"/>
      <c r="E269"/>
      <c r="F269"/>
      <c r="G269"/>
      <c r="H269" s="49"/>
      <c r="K269"/>
      <c r="L269"/>
      <c r="M269"/>
      <c r="N269"/>
    </row>
    <row r="270" spans="1:14" outlineLevel="1" x14ac:dyDescent="0.3">
      <c r="A270" s="51" t="s">
        <v>1202</v>
      </c>
      <c r="D270"/>
      <c r="E270"/>
      <c r="F270"/>
      <c r="G270"/>
      <c r="H270" s="49"/>
      <c r="K270"/>
      <c r="L270"/>
      <c r="M270"/>
      <c r="N270"/>
    </row>
    <row r="271" spans="1:14" outlineLevel="1" x14ac:dyDescent="0.3">
      <c r="A271" s="51" t="s">
        <v>1203</v>
      </c>
      <c r="D271"/>
      <c r="E271"/>
      <c r="F271"/>
      <c r="G271"/>
      <c r="H271" s="49"/>
      <c r="K271"/>
      <c r="L271"/>
      <c r="M271"/>
      <c r="N271"/>
    </row>
    <row r="272" spans="1:14" outlineLevel="1" x14ac:dyDescent="0.3">
      <c r="A272" s="51" t="s">
        <v>1204</v>
      </c>
      <c r="D272"/>
      <c r="E272"/>
      <c r="F272"/>
      <c r="G272"/>
      <c r="H272" s="49"/>
      <c r="K272"/>
      <c r="L272"/>
      <c r="M272"/>
      <c r="N272"/>
    </row>
    <row r="273" spans="1:14" outlineLevel="1" x14ac:dyDescent="0.3">
      <c r="A273" s="51" t="s">
        <v>1205</v>
      </c>
      <c r="D273"/>
      <c r="E273"/>
      <c r="F273"/>
      <c r="G273"/>
      <c r="H273" s="49"/>
      <c r="K273"/>
      <c r="L273"/>
      <c r="M273"/>
      <c r="N273"/>
    </row>
    <row r="274" spans="1:14" outlineLevel="1" x14ac:dyDescent="0.3">
      <c r="A274" s="51" t="s">
        <v>1206</v>
      </c>
      <c r="D274"/>
      <c r="E274"/>
      <c r="F274"/>
      <c r="G274"/>
      <c r="H274" s="49"/>
      <c r="K274"/>
      <c r="L274"/>
      <c r="M274"/>
      <c r="N274"/>
    </row>
    <row r="275" spans="1:14" outlineLevel="1" x14ac:dyDescent="0.3">
      <c r="A275" s="51" t="s">
        <v>1207</v>
      </c>
      <c r="D275"/>
      <c r="E275"/>
      <c r="F275"/>
      <c r="G275"/>
      <c r="H275" s="49"/>
      <c r="K275"/>
      <c r="L275"/>
      <c r="M275"/>
      <c r="N275"/>
    </row>
    <row r="276" spans="1:14" outlineLevel="1" x14ac:dyDescent="0.3">
      <c r="A276" s="51" t="s">
        <v>1208</v>
      </c>
      <c r="D276"/>
      <c r="E276"/>
      <c r="F276"/>
      <c r="G276"/>
      <c r="H276" s="49"/>
      <c r="K276"/>
      <c r="L276"/>
      <c r="M276"/>
      <c r="N276"/>
    </row>
    <row r="277" spans="1:14" outlineLevel="1" x14ac:dyDescent="0.3">
      <c r="A277" s="51" t="s">
        <v>1209</v>
      </c>
      <c r="D277"/>
      <c r="E277"/>
      <c r="F277"/>
      <c r="G277"/>
      <c r="H277" s="49"/>
      <c r="K277"/>
      <c r="L277"/>
      <c r="M277"/>
      <c r="N277"/>
    </row>
    <row r="278" spans="1:14" outlineLevel="1" x14ac:dyDescent="0.3">
      <c r="A278" s="51" t="s">
        <v>1210</v>
      </c>
      <c r="D278"/>
      <c r="E278"/>
      <c r="F278"/>
      <c r="G278"/>
      <c r="H278" s="49"/>
      <c r="K278"/>
      <c r="L278"/>
      <c r="M278"/>
      <c r="N278"/>
    </row>
    <row r="279" spans="1:14" outlineLevel="1" x14ac:dyDescent="0.3">
      <c r="A279" s="51" t="s">
        <v>1211</v>
      </c>
      <c r="D279"/>
      <c r="E279"/>
      <c r="F279"/>
      <c r="G279"/>
      <c r="H279" s="49"/>
      <c r="K279"/>
      <c r="L279"/>
      <c r="M279"/>
      <c r="N279"/>
    </row>
    <row r="280" spans="1:14" outlineLevel="1" x14ac:dyDescent="0.3">
      <c r="A280" s="51" t="s">
        <v>1212</v>
      </c>
      <c r="D280"/>
      <c r="E280"/>
      <c r="F280"/>
      <c r="G280"/>
      <c r="H280" s="49"/>
      <c r="K280"/>
      <c r="L280"/>
      <c r="M280"/>
      <c r="N280"/>
    </row>
    <row r="281" spans="1:14" outlineLevel="1" x14ac:dyDescent="0.3">
      <c r="A281" s="51" t="s">
        <v>1213</v>
      </c>
      <c r="D281"/>
      <c r="E281"/>
      <c r="F281"/>
      <c r="G281"/>
      <c r="H281" s="49"/>
      <c r="K281"/>
      <c r="L281"/>
      <c r="M281"/>
      <c r="N281"/>
    </row>
    <row r="282" spans="1:14" outlineLevel="1" x14ac:dyDescent="0.3">
      <c r="A282" s="51" t="s">
        <v>1214</v>
      </c>
      <c r="D282"/>
      <c r="E282"/>
      <c r="F282"/>
      <c r="G282"/>
      <c r="H282" s="49"/>
      <c r="K282"/>
      <c r="L282"/>
      <c r="M282"/>
      <c r="N282"/>
    </row>
    <row r="283" spans="1:14" outlineLevel="1" x14ac:dyDescent="0.3">
      <c r="A283" s="51" t="s">
        <v>1215</v>
      </c>
      <c r="D283"/>
      <c r="E283"/>
      <c r="F283"/>
      <c r="G283"/>
      <c r="H283" s="49"/>
      <c r="K283"/>
      <c r="L283"/>
      <c r="M283"/>
      <c r="N283"/>
    </row>
    <row r="284" spans="1:14" outlineLevel="1" x14ac:dyDescent="0.3">
      <c r="A284" s="51" t="s">
        <v>1216</v>
      </c>
      <c r="D284"/>
      <c r="E284"/>
      <c r="F284"/>
      <c r="G284"/>
      <c r="H284" s="49"/>
      <c r="K284"/>
      <c r="L284"/>
      <c r="M284"/>
      <c r="N284"/>
    </row>
    <row r="285" spans="1:14" ht="18" x14ac:dyDescent="0.3">
      <c r="A285" s="62"/>
      <c r="B285" s="62" t="s">
        <v>1582</v>
      </c>
      <c r="C285" s="62"/>
      <c r="D285" s="62"/>
      <c r="E285" s="62"/>
      <c r="F285" s="63"/>
      <c r="G285" s="64"/>
      <c r="H285" s="49"/>
      <c r="I285" s="55"/>
      <c r="J285" s="55"/>
      <c r="K285" s="55"/>
      <c r="L285" s="55"/>
      <c r="M285" s="57"/>
    </row>
    <row r="286" spans="1:14" ht="18" x14ac:dyDescent="0.3">
      <c r="A286" s="158" t="s">
        <v>1583</v>
      </c>
      <c r="B286" s="159"/>
      <c r="C286" s="159"/>
      <c r="D286" s="159"/>
      <c r="E286" s="159"/>
      <c r="F286" s="160"/>
      <c r="G286" s="159"/>
      <c r="H286" s="49"/>
      <c r="I286" s="55"/>
      <c r="J286" s="55"/>
      <c r="K286" s="55"/>
      <c r="L286" s="55"/>
      <c r="M286" s="57"/>
    </row>
    <row r="287" spans="1:14" ht="18" x14ac:dyDescent="0.3">
      <c r="A287" s="158" t="s">
        <v>1382</v>
      </c>
      <c r="B287" s="159"/>
      <c r="C287" s="159"/>
      <c r="D287" s="159"/>
      <c r="E287" s="159"/>
      <c r="F287" s="160"/>
      <c r="G287" s="159"/>
      <c r="H287" s="49"/>
      <c r="I287" s="55"/>
      <c r="J287" s="55"/>
      <c r="K287" s="55"/>
      <c r="L287" s="55"/>
      <c r="M287" s="57"/>
    </row>
    <row r="288" spans="1:14" x14ac:dyDescent="0.3">
      <c r="A288" s="51" t="s">
        <v>364</v>
      </c>
      <c r="B288" s="66" t="s">
        <v>1584</v>
      </c>
      <c r="C288" s="90">
        <f>ROW(B38)</f>
        <v>38</v>
      </c>
      <c r="D288" s="86"/>
      <c r="E288" s="86"/>
      <c r="F288" s="86"/>
      <c r="G288" s="86"/>
      <c r="H288" s="49"/>
      <c r="I288" s="66"/>
      <c r="J288" s="90"/>
      <c r="L288" s="86"/>
      <c r="M288" s="86"/>
      <c r="N288" s="86"/>
    </row>
    <row r="289" spans="1:14" x14ac:dyDescent="0.3">
      <c r="A289" s="51" t="s">
        <v>365</v>
      </c>
      <c r="B289" s="66" t="s">
        <v>1585</v>
      </c>
      <c r="C289" s="90">
        <f>ROW(B39)</f>
        <v>39</v>
      </c>
      <c r="E289" s="86"/>
      <c r="F289" s="86"/>
      <c r="H289" s="49"/>
      <c r="I289" s="66"/>
      <c r="J289" s="90"/>
      <c r="L289" s="86"/>
      <c r="M289" s="86"/>
    </row>
    <row r="290" spans="1:14" ht="28.8" x14ac:dyDescent="0.3">
      <c r="A290" s="51" t="s">
        <v>366</v>
      </c>
      <c r="B290" s="66" t="s">
        <v>1586</v>
      </c>
      <c r="C290" s="142" t="s">
        <v>1587</v>
      </c>
      <c r="G290" s="91"/>
      <c r="H290" s="49"/>
      <c r="I290" s="66"/>
      <c r="J290" s="90"/>
      <c r="K290" s="90"/>
      <c r="L290" s="91"/>
      <c r="M290" s="86"/>
      <c r="N290" s="91"/>
    </row>
    <row r="291" spans="1:14" x14ac:dyDescent="0.3">
      <c r="A291" s="51" t="s">
        <v>367</v>
      </c>
      <c r="B291" s="66" t="s">
        <v>1588</v>
      </c>
      <c r="C291" s="90" t="str">
        <f ca="1">IF(ISREF(INDIRECT("'B1. HTT Mortgage Assets'!A1")),ROW('B1. HTT Mortgage Assets'!B43)&amp;" for Mortgage Assets","")</f>
        <v>43 for Mortgage Assets</v>
      </c>
      <c r="D291" s="90" t="str">
        <f ca="1">IF(ISREF(INDIRECT("'B2. HTT Public Sector Assets'!A1")),ROW(#REF!)&amp; " for Public Sector Assets","")</f>
        <v/>
      </c>
      <c r="E291" s="91"/>
      <c r="F291" s="86"/>
      <c r="H291" s="49"/>
      <c r="I291" s="66"/>
      <c r="J291" s="90"/>
    </row>
    <row r="292" spans="1:14" x14ac:dyDescent="0.3">
      <c r="A292" s="51" t="s">
        <v>368</v>
      </c>
      <c r="B292" s="66" t="s">
        <v>1589</v>
      </c>
      <c r="C292" s="90">
        <f>ROW(B52)</f>
        <v>52</v>
      </c>
      <c r="G292" s="91"/>
      <c r="H292" s="49"/>
      <c r="I292" s="66"/>
      <c r="J292"/>
      <c r="K292" s="90"/>
      <c r="L292" s="91"/>
      <c r="N292" s="91"/>
    </row>
    <row r="293" spans="1:14" x14ac:dyDescent="0.3">
      <c r="A293" s="51" t="s">
        <v>369</v>
      </c>
      <c r="B293" s="66" t="s">
        <v>1590</v>
      </c>
      <c r="C293" s="161" t="str">
        <f ca="1">IF(ISREF(INDIRECT("'B1. HTT Mortgage Assets'!A1")),ROW('B1. HTT Mortgage Assets'!B186)&amp;" for Residential Mortgage Assets","")</f>
        <v>186 for Residential Mortgage Assets</v>
      </c>
      <c r="D293" s="90" t="str">
        <f ca="1">IF(ISREF(INDIRECT("'B1. HTT Mortgage Assets'!A1")),ROW('B1. HTT Mortgage Assets'!B424 )&amp; " for Commercial Mortgage Assets","")</f>
        <v>424 for Commercial Mortgage Assets</v>
      </c>
      <c r="E293" s="91"/>
      <c r="F293" s="90" t="str">
        <f ca="1">IF(ISREF(INDIRECT("'B2. HTT Public Sector Assets'!A1")),ROW(#REF!)&amp; " for Public Sector Assets","")</f>
        <v/>
      </c>
      <c r="G293" s="90" t="str">
        <f ca="1">IF(ISREF(INDIRECT("'B3. HTT Shipping Assets'!A1")),ROW(#REF!)&amp; " for Shipping Assets","")</f>
        <v/>
      </c>
      <c r="H293" s="49"/>
      <c r="I293" s="66"/>
      <c r="M293" s="91"/>
    </row>
    <row r="294" spans="1:14" x14ac:dyDescent="0.3">
      <c r="A294" s="51" t="s">
        <v>370</v>
      </c>
      <c r="B294" s="66" t="s">
        <v>1591</v>
      </c>
      <c r="C294" s="161" t="s">
        <v>1676</v>
      </c>
      <c r="H294" s="49"/>
      <c r="I294" s="66"/>
      <c r="J294" s="90"/>
      <c r="M294" s="91"/>
    </row>
    <row r="295" spans="1:14" x14ac:dyDescent="0.3">
      <c r="A295" s="51" t="s">
        <v>371</v>
      </c>
      <c r="B295" s="66" t="s">
        <v>1592</v>
      </c>
      <c r="C295" s="90" t="str">
        <f ca="1">IF(ISREF(INDIRECT("'B1. HTT Mortgage Assets'!A1")),ROW('B1. HTT Mortgage Assets'!B149)&amp;" for Mortgage Assets","")</f>
        <v>149 for Mortgage Assets</v>
      </c>
      <c r="D295" s="90" t="str">
        <f ca="1">IF(ISREF(INDIRECT("'B2. HTT Public Sector Assets'!A1")),ROW(#REF!)&amp;" for Public Sector Assets","")</f>
        <v/>
      </c>
      <c r="F295" s="90" t="str">
        <f ca="1">IF(ISREF(INDIRECT("'B3. HTT Shipping Assets'!A1")),ROW(#REF!)&amp;" for Shipping Assets","")</f>
        <v/>
      </c>
      <c r="H295" s="49"/>
      <c r="I295" s="66"/>
      <c r="J295" s="90"/>
      <c r="L295" s="91"/>
      <c r="M295" s="91"/>
    </row>
    <row r="296" spans="1:14" x14ac:dyDescent="0.3">
      <c r="A296" s="51" t="s">
        <v>372</v>
      </c>
      <c r="B296" s="66" t="s">
        <v>1593</v>
      </c>
      <c r="C296" s="90">
        <f>ROW(B111)</f>
        <v>111</v>
      </c>
      <c r="F296" s="91"/>
      <c r="H296" s="49"/>
      <c r="I296" s="66"/>
      <c r="J296" s="90"/>
      <c r="L296" s="91"/>
      <c r="M296" s="91"/>
    </row>
    <row r="297" spans="1:14" x14ac:dyDescent="0.3">
      <c r="A297" s="51" t="s">
        <v>373</v>
      </c>
      <c r="B297" s="66" t="s">
        <v>1594</v>
      </c>
      <c r="C297" s="90">
        <f>ROW(B163)</f>
        <v>163</v>
      </c>
      <c r="E297" s="91"/>
      <c r="F297" s="91"/>
      <c r="H297" s="49"/>
      <c r="J297" s="90"/>
      <c r="L297" s="91"/>
    </row>
    <row r="298" spans="1:14" x14ac:dyDescent="0.3">
      <c r="A298" s="51" t="s">
        <v>374</v>
      </c>
      <c r="B298" s="66" t="s">
        <v>1595</v>
      </c>
      <c r="C298" s="90">
        <f>ROW(B137)</f>
        <v>137</v>
      </c>
      <c r="E298" s="91"/>
      <c r="F298" s="91"/>
      <c r="H298" s="49"/>
      <c r="I298" s="66"/>
      <c r="J298" s="90"/>
      <c r="L298" s="91"/>
    </row>
    <row r="299" spans="1:14" x14ac:dyDescent="0.3">
      <c r="A299" s="51" t="s">
        <v>375</v>
      </c>
      <c r="B299" s="66" t="s">
        <v>1596</v>
      </c>
      <c r="C299" s="142"/>
      <c r="E299" s="91"/>
      <c r="H299" s="49"/>
      <c r="I299" s="66"/>
      <c r="J299" s="51" t="s">
        <v>1604</v>
      </c>
      <c r="L299" s="91"/>
    </row>
    <row r="300" spans="1:14" x14ac:dyDescent="0.3">
      <c r="A300" s="51" t="s">
        <v>376</v>
      </c>
      <c r="B300" s="66" t="s">
        <v>1597</v>
      </c>
      <c r="C300" s="90" t="s">
        <v>1607</v>
      </c>
      <c r="D300" s="90" t="s">
        <v>1606</v>
      </c>
      <c r="E300" s="91"/>
      <c r="F300" s="174" t="s">
        <v>1692</v>
      </c>
      <c r="H300" s="49"/>
      <c r="I300" s="66"/>
      <c r="J300" s="51" t="s">
        <v>1605</v>
      </c>
      <c r="K300" s="90"/>
      <c r="L300" s="91"/>
    </row>
    <row r="301" spans="1:14" outlineLevel="1" x14ac:dyDescent="0.3">
      <c r="A301" s="51" t="s">
        <v>1669</v>
      </c>
      <c r="B301" s="66" t="s">
        <v>1598</v>
      </c>
      <c r="C301" s="90" t="s">
        <v>1608</v>
      </c>
      <c r="H301" s="49"/>
      <c r="I301" s="66"/>
      <c r="J301" s="51" t="s">
        <v>1628</v>
      </c>
      <c r="K301" s="90"/>
      <c r="L301" s="91"/>
    </row>
    <row r="302" spans="1:14" outlineLevel="1" x14ac:dyDescent="0.3">
      <c r="A302" s="51" t="s">
        <v>1670</v>
      </c>
      <c r="B302" s="66" t="s">
        <v>1602</v>
      </c>
      <c r="C302" s="90" t="str">
        <f>ROW('C. HTT Harmonised Glossary'!B18)&amp;" for Harmonised Glossary"</f>
        <v>18 for Harmonised Glossary</v>
      </c>
      <c r="H302" s="49"/>
      <c r="I302" s="66"/>
      <c r="J302" s="51" t="s">
        <v>1225</v>
      </c>
      <c r="K302" s="90"/>
      <c r="L302" s="91"/>
    </row>
    <row r="303" spans="1:14" outlineLevel="1" x14ac:dyDescent="0.3">
      <c r="A303" s="51" t="s">
        <v>1671</v>
      </c>
      <c r="B303" s="66" t="s">
        <v>1599</v>
      </c>
      <c r="C303" s="90">
        <f>ROW(B65)</f>
        <v>65</v>
      </c>
      <c r="H303" s="49"/>
      <c r="I303" s="66"/>
      <c r="J303" s="90"/>
      <c r="K303" s="90"/>
      <c r="L303" s="91"/>
    </row>
    <row r="304" spans="1:14" outlineLevel="1" x14ac:dyDescent="0.3">
      <c r="A304" s="51" t="s">
        <v>1672</v>
      </c>
      <c r="B304" s="66" t="s">
        <v>1600</v>
      </c>
      <c r="C304" s="90">
        <f>ROW(B88)</f>
        <v>88</v>
      </c>
      <c r="H304" s="49"/>
      <c r="I304" s="66"/>
      <c r="J304" s="90"/>
      <c r="K304" s="90"/>
      <c r="L304" s="91"/>
    </row>
    <row r="305" spans="1:14" outlineLevel="1" x14ac:dyDescent="0.3">
      <c r="A305" s="51" t="s">
        <v>1673</v>
      </c>
      <c r="B305" s="66" t="s">
        <v>1601</v>
      </c>
      <c r="C305" s="90" t="s">
        <v>1630</v>
      </c>
      <c r="E305" s="91"/>
      <c r="H305" s="49"/>
      <c r="I305" s="66"/>
      <c r="J305" s="90"/>
      <c r="K305" s="90"/>
      <c r="L305" s="91"/>
      <c r="N305" s="80"/>
    </row>
    <row r="306" spans="1:14" outlineLevel="1" x14ac:dyDescent="0.3">
      <c r="A306" s="51" t="s">
        <v>1674</v>
      </c>
      <c r="B306" s="66" t="s">
        <v>1603</v>
      </c>
      <c r="C306" s="90">
        <v>44</v>
      </c>
      <c r="E306" s="91"/>
      <c r="H306" s="49"/>
      <c r="I306" s="66"/>
      <c r="J306" s="90"/>
      <c r="K306" s="90"/>
      <c r="L306" s="91"/>
      <c r="N306" s="80"/>
    </row>
    <row r="307" spans="1:14" outlineLevel="1" x14ac:dyDescent="0.3">
      <c r="A307" s="51" t="s">
        <v>1675</v>
      </c>
      <c r="B307" s="66" t="s">
        <v>1629</v>
      </c>
      <c r="C307" s="90" t="str">
        <f ca="1">IF(ISREF(INDIRECT("'B1. HTT Mortgage Assets'!A1")),ROW('B1. HTT Mortgage Assets'!B179)&amp; " for Mortgage Assets","")</f>
        <v>179 for Mortgage Assets</v>
      </c>
      <c r="D307" s="90" t="str">
        <f ca="1">IF(ISREF(INDIRECT("'B2. HTT Public Sector Assets'!A1")),ROW(#REF!)&amp; " for Public Sector Assets","")</f>
        <v/>
      </c>
      <c r="E307" s="91"/>
      <c r="F307" s="90" t="str">
        <f ca="1">IF(ISREF(INDIRECT("'B3. HTT Shipping Assets'!A1")),ROW(#REF!)&amp; " for Shipping Assets","")</f>
        <v/>
      </c>
      <c r="H307" s="49"/>
      <c r="I307" s="66"/>
      <c r="J307" s="90"/>
      <c r="K307" s="90"/>
      <c r="L307" s="91"/>
      <c r="N307" s="80"/>
    </row>
    <row r="308" spans="1:14" outlineLevel="1" x14ac:dyDescent="0.3">
      <c r="A308" s="51" t="s">
        <v>377</v>
      </c>
      <c r="B308" s="66"/>
      <c r="E308" s="91"/>
      <c r="H308" s="49"/>
      <c r="I308" s="66"/>
      <c r="J308" s="90"/>
      <c r="K308" s="90"/>
      <c r="L308" s="91"/>
      <c r="N308" s="80"/>
    </row>
    <row r="309" spans="1:14" outlineLevel="1" x14ac:dyDescent="0.3">
      <c r="A309" s="51" t="s">
        <v>378</v>
      </c>
      <c r="E309" s="91"/>
      <c r="H309" s="49"/>
      <c r="I309" s="66"/>
      <c r="J309" s="90"/>
      <c r="K309" s="90"/>
      <c r="L309" s="91"/>
      <c r="N309" s="80"/>
    </row>
    <row r="310" spans="1:14" outlineLevel="1" x14ac:dyDescent="0.3">
      <c r="A310" s="51" t="s">
        <v>379</v>
      </c>
      <c r="H310" s="49"/>
      <c r="N310" s="80"/>
    </row>
    <row r="311" spans="1:14" ht="36" x14ac:dyDescent="0.3">
      <c r="A311" s="63"/>
      <c r="B311" s="62" t="s">
        <v>75</v>
      </c>
      <c r="C311" s="63"/>
      <c r="D311" s="63"/>
      <c r="E311" s="63"/>
      <c r="F311" s="63"/>
      <c r="G311" s="64"/>
      <c r="H311" s="49"/>
      <c r="I311" s="55"/>
      <c r="J311" s="57"/>
      <c r="K311" s="57"/>
      <c r="L311" s="57"/>
      <c r="M311" s="57"/>
      <c r="N311" s="80"/>
    </row>
    <row r="312" spans="1:14" x14ac:dyDescent="0.3">
      <c r="A312" s="51" t="s">
        <v>4</v>
      </c>
      <c r="B312" s="74" t="s">
        <v>1609</v>
      </c>
      <c r="C312" s="51" t="s">
        <v>79</v>
      </c>
      <c r="H312" s="49"/>
      <c r="I312" s="74"/>
      <c r="J312" s="90"/>
      <c r="N312" s="80"/>
    </row>
    <row r="313" spans="1:14" outlineLevel="1" x14ac:dyDescent="0.3">
      <c r="A313" s="51" t="s">
        <v>1667</v>
      </c>
      <c r="B313" s="74" t="s">
        <v>1610</v>
      </c>
      <c r="C313" s="51" t="s">
        <v>79</v>
      </c>
      <c r="H313" s="49"/>
      <c r="I313" s="74"/>
      <c r="J313" s="90"/>
      <c r="N313" s="80"/>
    </row>
    <row r="314" spans="1:14" outlineLevel="1" x14ac:dyDescent="0.3">
      <c r="A314" s="51" t="s">
        <v>1668</v>
      </c>
      <c r="B314" s="74" t="s">
        <v>1611</v>
      </c>
      <c r="C314" s="51" t="s">
        <v>79</v>
      </c>
      <c r="H314" s="49"/>
      <c r="I314" s="74"/>
      <c r="J314" s="90"/>
      <c r="N314" s="80"/>
    </row>
    <row r="315" spans="1:14" outlineLevel="1" x14ac:dyDescent="0.3">
      <c r="A315" s="51" t="s">
        <v>380</v>
      </c>
      <c r="B315" s="74"/>
      <c r="C315" s="90"/>
      <c r="H315" s="49"/>
      <c r="I315" s="74"/>
      <c r="J315" s="90"/>
      <c r="N315" s="80"/>
    </row>
    <row r="316" spans="1:14" outlineLevel="1" x14ac:dyDescent="0.3">
      <c r="A316" s="51" t="s">
        <v>381</v>
      </c>
      <c r="B316" s="74"/>
      <c r="C316" s="90"/>
      <c r="H316" s="49"/>
      <c r="I316" s="74"/>
      <c r="J316" s="90"/>
      <c r="N316" s="80"/>
    </row>
    <row r="317" spans="1:14" outlineLevel="1" x14ac:dyDescent="0.3">
      <c r="A317" s="51" t="s">
        <v>382</v>
      </c>
      <c r="B317" s="74"/>
      <c r="C317" s="90"/>
      <c r="H317" s="49"/>
      <c r="I317" s="74"/>
      <c r="J317" s="90"/>
      <c r="N317" s="80"/>
    </row>
    <row r="318" spans="1:14" outlineLevel="1" x14ac:dyDescent="0.3">
      <c r="A318" s="51" t="s">
        <v>383</v>
      </c>
      <c r="B318" s="74"/>
      <c r="C318" s="90"/>
      <c r="H318" s="49"/>
      <c r="I318" s="74"/>
      <c r="J318" s="90"/>
      <c r="N318" s="80"/>
    </row>
    <row r="319" spans="1:14" ht="18" x14ac:dyDescent="0.3">
      <c r="A319" s="63"/>
      <c r="B319" s="62" t="s">
        <v>76</v>
      </c>
      <c r="C319" s="63"/>
      <c r="D319" s="63"/>
      <c r="E319" s="63"/>
      <c r="F319" s="63"/>
      <c r="G319" s="64"/>
      <c r="H319" s="49"/>
      <c r="I319" s="55"/>
      <c r="J319" s="57"/>
      <c r="K319" s="57"/>
      <c r="L319" s="57"/>
      <c r="M319" s="57"/>
      <c r="N319" s="80"/>
    </row>
    <row r="320" spans="1:14" ht="15" customHeight="1" outlineLevel="1" x14ac:dyDescent="0.3">
      <c r="A320" s="70"/>
      <c r="B320" s="71" t="s">
        <v>384</v>
      </c>
      <c r="C320" s="70"/>
      <c r="D320" s="70"/>
      <c r="E320" s="72"/>
      <c r="F320" s="73"/>
      <c r="G320" s="73"/>
      <c r="H320" s="49"/>
      <c r="L320" s="49"/>
      <c r="M320" s="49"/>
      <c r="N320" s="80"/>
    </row>
    <row r="321" spans="1:14" outlineLevel="1" x14ac:dyDescent="0.3">
      <c r="A321" s="51" t="s">
        <v>385</v>
      </c>
      <c r="B321" s="66" t="s">
        <v>386</v>
      </c>
      <c r="C321" s="66"/>
      <c r="H321" s="49"/>
      <c r="I321" s="80"/>
      <c r="J321" s="80"/>
      <c r="K321" s="80"/>
      <c r="L321" s="80"/>
      <c r="M321" s="80"/>
      <c r="N321" s="80"/>
    </row>
    <row r="322" spans="1:14" outlineLevel="1" x14ac:dyDescent="0.3">
      <c r="A322" s="51" t="s">
        <v>387</v>
      </c>
      <c r="B322" s="66" t="s">
        <v>388</v>
      </c>
      <c r="C322" s="66"/>
      <c r="H322" s="49"/>
      <c r="I322" s="80"/>
      <c r="J322" s="80"/>
      <c r="K322" s="80"/>
      <c r="L322" s="80"/>
      <c r="M322" s="80"/>
      <c r="N322" s="80"/>
    </row>
    <row r="323" spans="1:14" outlineLevel="1" x14ac:dyDescent="0.3">
      <c r="A323" s="51" t="s">
        <v>389</v>
      </c>
      <c r="B323" s="66" t="s">
        <v>390</v>
      </c>
      <c r="C323" s="66"/>
      <c r="H323" s="49"/>
      <c r="I323" s="80"/>
      <c r="J323" s="80"/>
      <c r="K323" s="80"/>
      <c r="L323" s="80"/>
      <c r="M323" s="80"/>
      <c r="N323" s="80"/>
    </row>
    <row r="324" spans="1:14" outlineLevel="1" x14ac:dyDescent="0.3">
      <c r="A324" s="51" t="s">
        <v>391</v>
      </c>
      <c r="B324" s="66" t="s">
        <v>392</v>
      </c>
      <c r="H324" s="49"/>
      <c r="I324" s="80"/>
      <c r="J324" s="80"/>
      <c r="K324" s="80"/>
      <c r="L324" s="80"/>
      <c r="M324" s="80"/>
      <c r="N324" s="80"/>
    </row>
    <row r="325" spans="1:14" outlineLevel="1" x14ac:dyDescent="0.3">
      <c r="A325" s="51" t="s">
        <v>393</v>
      </c>
      <c r="B325" s="66" t="s">
        <v>394</v>
      </c>
      <c r="H325" s="49"/>
      <c r="I325" s="80"/>
      <c r="J325" s="80"/>
      <c r="K325" s="80"/>
      <c r="L325" s="80"/>
      <c r="M325" s="80"/>
      <c r="N325" s="80"/>
    </row>
    <row r="326" spans="1:14" outlineLevel="1" x14ac:dyDescent="0.3">
      <c r="A326" s="51" t="s">
        <v>395</v>
      </c>
      <c r="B326" s="66" t="s">
        <v>396</v>
      </c>
      <c r="H326" s="49"/>
      <c r="I326" s="80"/>
      <c r="J326" s="80"/>
      <c r="K326" s="80"/>
      <c r="L326" s="80"/>
      <c r="M326" s="80"/>
      <c r="N326" s="80"/>
    </row>
    <row r="327" spans="1:14" outlineLevel="1" x14ac:dyDescent="0.3">
      <c r="A327" s="51" t="s">
        <v>397</v>
      </c>
      <c r="B327" s="66" t="s">
        <v>398</v>
      </c>
      <c r="H327" s="49"/>
      <c r="I327" s="80"/>
      <c r="J327" s="80"/>
      <c r="K327" s="80"/>
      <c r="L327" s="80"/>
      <c r="M327" s="80"/>
      <c r="N327" s="80"/>
    </row>
    <row r="328" spans="1:14" outlineLevel="1" x14ac:dyDescent="0.3">
      <c r="A328" s="51" t="s">
        <v>399</v>
      </c>
      <c r="B328" s="66" t="s">
        <v>400</v>
      </c>
      <c r="H328" s="49"/>
      <c r="I328" s="80"/>
      <c r="J328" s="80"/>
      <c r="K328" s="80"/>
      <c r="L328" s="80"/>
      <c r="M328" s="80"/>
      <c r="N328" s="80"/>
    </row>
    <row r="329" spans="1:14" outlineLevel="1" x14ac:dyDescent="0.3">
      <c r="A329" s="51" t="s">
        <v>401</v>
      </c>
      <c r="B329" s="66" t="s">
        <v>402</v>
      </c>
      <c r="H329" s="49"/>
      <c r="I329" s="80"/>
      <c r="J329" s="80"/>
      <c r="K329" s="80"/>
      <c r="L329" s="80"/>
      <c r="M329" s="80"/>
      <c r="N329" s="80"/>
    </row>
    <row r="330" spans="1:14" outlineLevel="1" x14ac:dyDescent="0.3">
      <c r="A330" s="51" t="s">
        <v>403</v>
      </c>
      <c r="B330" s="79" t="s">
        <v>404</v>
      </c>
      <c r="H330" s="49"/>
      <c r="I330" s="80"/>
      <c r="J330" s="80"/>
      <c r="K330" s="80"/>
      <c r="L330" s="80"/>
      <c r="M330" s="80"/>
      <c r="N330" s="80"/>
    </row>
    <row r="331" spans="1:14" outlineLevel="1" x14ac:dyDescent="0.3">
      <c r="A331" s="51" t="s">
        <v>405</v>
      </c>
      <c r="B331" s="79" t="s">
        <v>404</v>
      </c>
      <c r="H331" s="49"/>
      <c r="I331" s="80"/>
      <c r="J331" s="80"/>
      <c r="K331" s="80"/>
      <c r="L331" s="80"/>
      <c r="M331" s="80"/>
      <c r="N331" s="80"/>
    </row>
    <row r="332" spans="1:14" outlineLevel="1" x14ac:dyDescent="0.3">
      <c r="A332" s="51" t="s">
        <v>406</v>
      </c>
      <c r="B332" s="79" t="s">
        <v>404</v>
      </c>
      <c r="H332" s="49"/>
      <c r="I332" s="80"/>
      <c r="J332" s="80"/>
      <c r="K332" s="80"/>
      <c r="L332" s="80"/>
      <c r="M332" s="80"/>
      <c r="N332" s="80"/>
    </row>
    <row r="333" spans="1:14" outlineLevel="1" x14ac:dyDescent="0.3">
      <c r="A333" s="51" t="s">
        <v>407</v>
      </c>
      <c r="B333" s="79" t="s">
        <v>404</v>
      </c>
      <c r="H333" s="49"/>
      <c r="I333" s="80"/>
      <c r="J333" s="80"/>
      <c r="K333" s="80"/>
      <c r="L333" s="80"/>
      <c r="M333" s="80"/>
      <c r="N333" s="80"/>
    </row>
    <row r="334" spans="1:14" outlineLevel="1" x14ac:dyDescent="0.3">
      <c r="A334" s="51" t="s">
        <v>408</v>
      </c>
      <c r="B334" s="79" t="s">
        <v>404</v>
      </c>
      <c r="H334" s="49"/>
      <c r="I334" s="80"/>
      <c r="J334" s="80"/>
      <c r="K334" s="80"/>
      <c r="L334" s="80"/>
      <c r="M334" s="80"/>
      <c r="N334" s="80"/>
    </row>
    <row r="335" spans="1:14" outlineLevel="1" x14ac:dyDescent="0.3">
      <c r="A335" s="51" t="s">
        <v>409</v>
      </c>
      <c r="B335" s="79" t="s">
        <v>404</v>
      </c>
      <c r="H335" s="49"/>
      <c r="I335" s="80"/>
      <c r="J335" s="80"/>
      <c r="K335" s="80"/>
      <c r="L335" s="80"/>
      <c r="M335" s="80"/>
      <c r="N335" s="80"/>
    </row>
    <row r="336" spans="1:14" outlineLevel="1" x14ac:dyDescent="0.3">
      <c r="A336" s="51" t="s">
        <v>410</v>
      </c>
      <c r="B336" s="79" t="s">
        <v>404</v>
      </c>
      <c r="H336" s="49"/>
      <c r="I336" s="80"/>
      <c r="J336" s="80"/>
      <c r="K336" s="80"/>
      <c r="L336" s="80"/>
      <c r="M336" s="80"/>
      <c r="N336" s="80"/>
    </row>
    <row r="337" spans="1:14" outlineLevel="1" x14ac:dyDescent="0.3">
      <c r="A337" s="51" t="s">
        <v>411</v>
      </c>
      <c r="B337" s="79" t="s">
        <v>404</v>
      </c>
      <c r="H337" s="49"/>
      <c r="I337" s="80"/>
      <c r="J337" s="80"/>
      <c r="K337" s="80"/>
      <c r="L337" s="80"/>
      <c r="M337" s="80"/>
      <c r="N337" s="80"/>
    </row>
    <row r="338" spans="1:14" outlineLevel="1" x14ac:dyDescent="0.3">
      <c r="A338" s="51" t="s">
        <v>412</v>
      </c>
      <c r="B338" s="79" t="s">
        <v>404</v>
      </c>
      <c r="H338" s="49"/>
      <c r="I338" s="80"/>
      <c r="J338" s="80"/>
      <c r="K338" s="80"/>
      <c r="L338" s="80"/>
      <c r="M338" s="80"/>
      <c r="N338" s="80"/>
    </row>
    <row r="339" spans="1:14" outlineLevel="1" x14ac:dyDescent="0.3">
      <c r="A339" s="51" t="s">
        <v>413</v>
      </c>
      <c r="B339" s="79" t="s">
        <v>404</v>
      </c>
      <c r="H339" s="49"/>
      <c r="I339" s="80"/>
      <c r="J339" s="80"/>
      <c r="K339" s="80"/>
      <c r="L339" s="80"/>
      <c r="M339" s="80"/>
      <c r="N339" s="80"/>
    </row>
    <row r="340" spans="1:14" outlineLevel="1" x14ac:dyDescent="0.3">
      <c r="A340" s="51" t="s">
        <v>414</v>
      </c>
      <c r="B340" s="79" t="s">
        <v>404</v>
      </c>
      <c r="H340" s="49"/>
      <c r="I340" s="80"/>
      <c r="J340" s="80"/>
      <c r="K340" s="80"/>
      <c r="L340" s="80"/>
      <c r="M340" s="80"/>
      <c r="N340" s="80"/>
    </row>
    <row r="341" spans="1:14" outlineLevel="1" x14ac:dyDescent="0.3">
      <c r="A341" s="51" t="s">
        <v>415</v>
      </c>
      <c r="B341" s="79" t="s">
        <v>404</v>
      </c>
      <c r="H341" s="49"/>
      <c r="I341" s="80"/>
      <c r="J341" s="80"/>
      <c r="K341" s="80"/>
      <c r="L341" s="80"/>
      <c r="M341" s="80"/>
      <c r="N341" s="80"/>
    </row>
    <row r="342" spans="1:14" outlineLevel="1" x14ac:dyDescent="0.3">
      <c r="A342" s="51" t="s">
        <v>416</v>
      </c>
      <c r="B342" s="79" t="s">
        <v>404</v>
      </c>
      <c r="H342" s="49"/>
      <c r="I342" s="80"/>
      <c r="J342" s="80"/>
      <c r="K342" s="80"/>
      <c r="L342" s="80"/>
      <c r="M342" s="80"/>
      <c r="N342" s="80"/>
    </row>
    <row r="343" spans="1:14" outlineLevel="1" x14ac:dyDescent="0.3">
      <c r="A343" s="51" t="s">
        <v>417</v>
      </c>
      <c r="B343" s="79" t="s">
        <v>404</v>
      </c>
      <c r="H343" s="49"/>
      <c r="I343" s="80"/>
      <c r="J343" s="80"/>
      <c r="K343" s="80"/>
      <c r="L343" s="80"/>
      <c r="M343" s="80"/>
      <c r="N343" s="80"/>
    </row>
    <row r="344" spans="1:14" outlineLevel="1" x14ac:dyDescent="0.3">
      <c r="A344" s="51" t="s">
        <v>418</v>
      </c>
      <c r="B344" s="79" t="s">
        <v>404</v>
      </c>
      <c r="H344" s="49"/>
      <c r="I344" s="80"/>
      <c r="J344" s="80"/>
      <c r="K344" s="80"/>
      <c r="L344" s="80"/>
      <c r="M344" s="80"/>
      <c r="N344" s="80"/>
    </row>
    <row r="345" spans="1:14" outlineLevel="1" x14ac:dyDescent="0.3">
      <c r="A345" s="51" t="s">
        <v>419</v>
      </c>
      <c r="B345" s="79" t="s">
        <v>404</v>
      </c>
      <c r="H345" s="49"/>
      <c r="I345" s="80"/>
      <c r="J345" s="80"/>
      <c r="K345" s="80"/>
      <c r="L345" s="80"/>
      <c r="M345" s="80"/>
      <c r="N345" s="80"/>
    </row>
    <row r="346" spans="1:14" outlineLevel="1" x14ac:dyDescent="0.3">
      <c r="A346" s="51" t="s">
        <v>420</v>
      </c>
      <c r="B346" s="79" t="s">
        <v>404</v>
      </c>
      <c r="H346" s="49"/>
      <c r="I346" s="80"/>
      <c r="J346" s="80"/>
      <c r="K346" s="80"/>
      <c r="L346" s="80"/>
      <c r="M346" s="80"/>
      <c r="N346" s="80"/>
    </row>
    <row r="347" spans="1:14" outlineLevel="1" x14ac:dyDescent="0.3">
      <c r="A347" s="51" t="s">
        <v>421</v>
      </c>
      <c r="B347" s="79" t="s">
        <v>404</v>
      </c>
      <c r="H347" s="49"/>
      <c r="I347" s="80"/>
      <c r="J347" s="80"/>
      <c r="K347" s="80"/>
      <c r="L347" s="80"/>
      <c r="M347" s="80"/>
      <c r="N347" s="80"/>
    </row>
    <row r="348" spans="1:14" outlineLevel="1" x14ac:dyDescent="0.3">
      <c r="A348" s="51" t="s">
        <v>422</v>
      </c>
      <c r="B348" s="79" t="s">
        <v>404</v>
      </c>
      <c r="H348" s="49"/>
      <c r="I348" s="80"/>
      <c r="J348" s="80"/>
      <c r="K348" s="80"/>
      <c r="L348" s="80"/>
      <c r="M348" s="80"/>
      <c r="N348" s="80"/>
    </row>
    <row r="349" spans="1:14" outlineLevel="1" x14ac:dyDescent="0.3">
      <c r="A349" s="51" t="s">
        <v>423</v>
      </c>
      <c r="B349" s="79" t="s">
        <v>404</v>
      </c>
      <c r="H349" s="49"/>
      <c r="I349" s="80"/>
      <c r="J349" s="80"/>
      <c r="K349" s="80"/>
      <c r="L349" s="80"/>
      <c r="M349" s="80"/>
      <c r="N349" s="80"/>
    </row>
    <row r="350" spans="1:14" outlineLevel="1" x14ac:dyDescent="0.3">
      <c r="A350" s="51" t="s">
        <v>424</v>
      </c>
      <c r="B350" s="79" t="s">
        <v>404</v>
      </c>
      <c r="H350" s="49"/>
      <c r="I350" s="80"/>
      <c r="J350" s="80"/>
      <c r="K350" s="80"/>
      <c r="L350" s="80"/>
      <c r="M350" s="80"/>
      <c r="N350" s="80"/>
    </row>
    <row r="351" spans="1:14" outlineLevel="1" x14ac:dyDescent="0.3">
      <c r="A351" s="51" t="s">
        <v>425</v>
      </c>
      <c r="B351" s="79" t="s">
        <v>404</v>
      </c>
      <c r="H351" s="49"/>
      <c r="I351" s="80"/>
      <c r="J351" s="80"/>
      <c r="K351" s="80"/>
      <c r="L351" s="80"/>
      <c r="M351" s="80"/>
      <c r="N351" s="80"/>
    </row>
    <row r="352" spans="1:14" outlineLevel="1" x14ac:dyDescent="0.3">
      <c r="A352" s="51" t="s">
        <v>426</v>
      </c>
      <c r="B352" s="79" t="s">
        <v>404</v>
      </c>
      <c r="H352" s="49"/>
      <c r="I352" s="80"/>
      <c r="J352" s="80"/>
      <c r="K352" s="80"/>
      <c r="L352" s="80"/>
      <c r="M352" s="80"/>
      <c r="N352" s="80"/>
    </row>
    <row r="353" spans="1:14" outlineLevel="1" x14ac:dyDescent="0.3">
      <c r="A353" s="51" t="s">
        <v>427</v>
      </c>
      <c r="B353" s="79" t="s">
        <v>404</v>
      </c>
      <c r="H353" s="49"/>
      <c r="I353" s="80"/>
      <c r="J353" s="80"/>
      <c r="K353" s="80"/>
      <c r="L353" s="80"/>
      <c r="M353" s="80"/>
      <c r="N353" s="80"/>
    </row>
    <row r="354" spans="1:14" outlineLevel="1" x14ac:dyDescent="0.3">
      <c r="A354" s="51" t="s">
        <v>428</v>
      </c>
      <c r="B354" s="79" t="s">
        <v>404</v>
      </c>
      <c r="H354" s="49"/>
      <c r="I354" s="80"/>
      <c r="J354" s="80"/>
      <c r="K354" s="80"/>
      <c r="L354" s="80"/>
      <c r="M354" s="80"/>
      <c r="N354" s="80"/>
    </row>
    <row r="355" spans="1:14" outlineLevel="1" x14ac:dyDescent="0.3">
      <c r="A355" s="51" t="s">
        <v>429</v>
      </c>
      <c r="B355" s="79" t="s">
        <v>404</v>
      </c>
      <c r="H355" s="49"/>
      <c r="I355" s="80"/>
      <c r="J355" s="80"/>
      <c r="K355" s="80"/>
      <c r="L355" s="80"/>
      <c r="M355" s="80"/>
      <c r="N355" s="80"/>
    </row>
    <row r="356" spans="1:14" outlineLevel="1" x14ac:dyDescent="0.3">
      <c r="A356" s="51" t="s">
        <v>430</v>
      </c>
      <c r="B356" s="79" t="s">
        <v>404</v>
      </c>
      <c r="H356" s="49"/>
      <c r="I356" s="80"/>
      <c r="J356" s="80"/>
      <c r="K356" s="80"/>
      <c r="L356" s="80"/>
      <c r="M356" s="80"/>
      <c r="N356" s="80"/>
    </row>
    <row r="357" spans="1:14" outlineLevel="1" x14ac:dyDescent="0.3">
      <c r="A357" s="51" t="s">
        <v>431</v>
      </c>
      <c r="B357" s="79" t="s">
        <v>404</v>
      </c>
      <c r="H357" s="49"/>
      <c r="I357" s="80"/>
      <c r="J357" s="80"/>
      <c r="K357" s="80"/>
      <c r="L357" s="80"/>
      <c r="M357" s="80"/>
      <c r="N357" s="80"/>
    </row>
    <row r="358" spans="1:14" outlineLevel="1" x14ac:dyDescent="0.3">
      <c r="A358" s="51" t="s">
        <v>432</v>
      </c>
      <c r="B358" s="79" t="s">
        <v>404</v>
      </c>
      <c r="H358" s="49"/>
      <c r="I358" s="80"/>
      <c r="J358" s="80"/>
      <c r="K358" s="80"/>
      <c r="L358" s="80"/>
      <c r="M358" s="80"/>
      <c r="N358" s="80"/>
    </row>
    <row r="359" spans="1:14" outlineLevel="1" x14ac:dyDescent="0.3">
      <c r="A359" s="51" t="s">
        <v>433</v>
      </c>
      <c r="B359" s="79" t="s">
        <v>404</v>
      </c>
      <c r="H359" s="49"/>
      <c r="I359" s="80"/>
      <c r="J359" s="80"/>
      <c r="K359" s="80"/>
      <c r="L359" s="80"/>
      <c r="M359" s="80"/>
      <c r="N359" s="80"/>
    </row>
    <row r="360" spans="1:14" outlineLevel="1" x14ac:dyDescent="0.3">
      <c r="A360" s="51" t="s">
        <v>434</v>
      </c>
      <c r="B360" s="79" t="s">
        <v>404</v>
      </c>
      <c r="H360" s="49"/>
      <c r="I360" s="80"/>
      <c r="J360" s="80"/>
      <c r="K360" s="80"/>
      <c r="L360" s="80"/>
      <c r="M360" s="80"/>
      <c r="N360" s="80"/>
    </row>
    <row r="361" spans="1:14" outlineLevel="1" x14ac:dyDescent="0.3">
      <c r="A361" s="51" t="s">
        <v>435</v>
      </c>
      <c r="B361" s="79" t="s">
        <v>404</v>
      </c>
      <c r="H361" s="49"/>
      <c r="I361" s="80"/>
      <c r="J361" s="80"/>
      <c r="K361" s="80"/>
      <c r="L361" s="80"/>
      <c r="M361" s="80"/>
      <c r="N361" s="80"/>
    </row>
    <row r="362" spans="1:14" outlineLevel="1" x14ac:dyDescent="0.3">
      <c r="A362" s="51" t="s">
        <v>436</v>
      </c>
      <c r="B362" s="79" t="s">
        <v>404</v>
      </c>
      <c r="H362" s="49"/>
      <c r="I362" s="80"/>
      <c r="J362" s="80"/>
      <c r="K362" s="80"/>
      <c r="L362" s="80"/>
      <c r="M362" s="80"/>
      <c r="N362" s="80"/>
    </row>
    <row r="363" spans="1:14" outlineLevel="1" x14ac:dyDescent="0.3">
      <c r="A363" s="51" t="s">
        <v>437</v>
      </c>
      <c r="B363" s="79" t="s">
        <v>404</v>
      </c>
      <c r="H363" s="49"/>
      <c r="I363" s="80"/>
      <c r="J363" s="80"/>
      <c r="K363" s="80"/>
      <c r="L363" s="80"/>
      <c r="M363" s="80"/>
      <c r="N363" s="80"/>
    </row>
    <row r="364" spans="1:14" outlineLevel="1" x14ac:dyDescent="0.3">
      <c r="A364" s="51" t="s">
        <v>438</v>
      </c>
      <c r="B364" s="79" t="s">
        <v>404</v>
      </c>
      <c r="H364" s="49"/>
      <c r="I364" s="80"/>
      <c r="J364" s="80"/>
      <c r="K364" s="80"/>
      <c r="L364" s="80"/>
      <c r="M364" s="80"/>
      <c r="N364" s="80"/>
    </row>
    <row r="365" spans="1:14" outlineLevel="1" x14ac:dyDescent="0.3">
      <c r="A365" s="51" t="s">
        <v>439</v>
      </c>
      <c r="B365" s="79" t="s">
        <v>404</v>
      </c>
      <c r="H365" s="49"/>
      <c r="I365" s="80"/>
      <c r="J365" s="80"/>
      <c r="K365" s="80"/>
      <c r="L365" s="80"/>
      <c r="M365" s="80"/>
      <c r="N365" s="80"/>
    </row>
    <row r="366" spans="1:14" x14ac:dyDescent="0.3">
      <c r="H366" s="49"/>
      <c r="I366" s="80"/>
      <c r="J366" s="80"/>
      <c r="K366" s="80"/>
      <c r="L366" s="80"/>
      <c r="M366" s="80"/>
      <c r="N366" s="80"/>
    </row>
    <row r="367" spans="1:14" x14ac:dyDescent="0.3">
      <c r="H367" s="49"/>
      <c r="I367" s="80"/>
      <c r="J367" s="80"/>
      <c r="K367" s="80"/>
      <c r="L367" s="80"/>
      <c r="M367" s="80"/>
      <c r="N367" s="80"/>
    </row>
    <row r="368" spans="1:14" x14ac:dyDescent="0.3">
      <c r="H368" s="49"/>
      <c r="I368" s="80"/>
      <c r="J368" s="80"/>
      <c r="K368" s="80"/>
      <c r="L368" s="80"/>
      <c r="M368" s="80"/>
      <c r="N368" s="80"/>
    </row>
    <row r="369" spans="8:8" s="80" customFormat="1" x14ac:dyDescent="0.3">
      <c r="H369" s="49"/>
    </row>
    <row r="370" spans="8:8" s="80" customFormat="1" x14ac:dyDescent="0.3">
      <c r="H370" s="49"/>
    </row>
    <row r="371" spans="8:8" s="80" customFormat="1" x14ac:dyDescent="0.3">
      <c r="H371" s="49"/>
    </row>
    <row r="372" spans="8:8" s="80" customFormat="1" x14ac:dyDescent="0.3">
      <c r="H372" s="49"/>
    </row>
    <row r="373" spans="8:8" s="80" customFormat="1" x14ac:dyDescent="0.3">
      <c r="H373" s="49"/>
    </row>
    <row r="374" spans="8:8" s="80" customFormat="1" x14ac:dyDescent="0.3">
      <c r="H374" s="49"/>
    </row>
    <row r="375" spans="8:8" s="80" customFormat="1" x14ac:dyDescent="0.3">
      <c r="H375" s="49"/>
    </row>
    <row r="376" spans="8:8" s="80" customFormat="1" x14ac:dyDescent="0.3">
      <c r="H376" s="49"/>
    </row>
    <row r="377" spans="8:8" s="80" customFormat="1" x14ac:dyDescent="0.3">
      <c r="H377" s="49"/>
    </row>
    <row r="378" spans="8:8" s="80" customFormat="1" x14ac:dyDescent="0.3">
      <c r="H378" s="49"/>
    </row>
    <row r="379" spans="8:8" s="80" customFormat="1" x14ac:dyDescent="0.3">
      <c r="H379" s="49"/>
    </row>
    <row r="380" spans="8:8" s="80" customFormat="1" x14ac:dyDescent="0.3">
      <c r="H380" s="49"/>
    </row>
    <row r="381" spans="8:8" s="80" customFormat="1" x14ac:dyDescent="0.3">
      <c r="H381" s="49"/>
    </row>
    <row r="382" spans="8:8" s="80" customFormat="1" x14ac:dyDescent="0.3">
      <c r="H382" s="49"/>
    </row>
    <row r="383" spans="8:8" s="80" customFormat="1" x14ac:dyDescent="0.3">
      <c r="H383" s="49"/>
    </row>
    <row r="384" spans="8:8" s="80" customFormat="1" x14ac:dyDescent="0.3">
      <c r="H384" s="49"/>
    </row>
    <row r="385" spans="8:8" s="80" customFormat="1" x14ac:dyDescent="0.3">
      <c r="H385" s="49"/>
    </row>
    <row r="386" spans="8:8" s="80" customFormat="1" x14ac:dyDescent="0.3">
      <c r="H386" s="49"/>
    </row>
    <row r="387" spans="8:8" s="80" customFormat="1" x14ac:dyDescent="0.3">
      <c r="H387" s="49"/>
    </row>
    <row r="388" spans="8:8" s="80" customFormat="1" x14ac:dyDescent="0.3">
      <c r="H388" s="49"/>
    </row>
    <row r="389" spans="8:8" s="80" customFormat="1" x14ac:dyDescent="0.3">
      <c r="H389" s="49"/>
    </row>
    <row r="390" spans="8:8" s="80" customFormat="1" x14ac:dyDescent="0.3">
      <c r="H390" s="49"/>
    </row>
    <row r="391" spans="8:8" s="80" customFormat="1" x14ac:dyDescent="0.3">
      <c r="H391" s="49"/>
    </row>
    <row r="392" spans="8:8" s="80" customFormat="1" x14ac:dyDescent="0.3">
      <c r="H392" s="49"/>
    </row>
    <row r="393" spans="8:8" s="80" customFormat="1" x14ac:dyDescent="0.3">
      <c r="H393" s="49"/>
    </row>
    <row r="394" spans="8:8" s="80" customFormat="1" x14ac:dyDescent="0.3">
      <c r="H394" s="49"/>
    </row>
    <row r="395" spans="8:8" s="80" customFormat="1" x14ac:dyDescent="0.3">
      <c r="H395" s="49"/>
    </row>
    <row r="396" spans="8:8" s="80" customFormat="1" x14ac:dyDescent="0.3">
      <c r="H396" s="49"/>
    </row>
    <row r="397" spans="8:8" s="80" customFormat="1" x14ac:dyDescent="0.3">
      <c r="H397" s="49"/>
    </row>
    <row r="398" spans="8:8" s="80" customFormat="1" x14ac:dyDescent="0.3">
      <c r="H398" s="49"/>
    </row>
    <row r="399" spans="8:8" s="80" customFormat="1" x14ac:dyDescent="0.3">
      <c r="H399" s="49"/>
    </row>
    <row r="400" spans="8:8" s="80" customFormat="1" x14ac:dyDescent="0.3">
      <c r="H400" s="49"/>
    </row>
    <row r="401" spans="8:8" s="80" customFormat="1" x14ac:dyDescent="0.3">
      <c r="H401" s="49"/>
    </row>
    <row r="402" spans="8:8" s="80" customFormat="1" x14ac:dyDescent="0.3">
      <c r="H402" s="49"/>
    </row>
    <row r="403" spans="8:8" s="80" customFormat="1" x14ac:dyDescent="0.3">
      <c r="H403" s="49"/>
    </row>
    <row r="404" spans="8:8" s="80" customFormat="1" x14ac:dyDescent="0.3">
      <c r="H404" s="49"/>
    </row>
    <row r="405" spans="8:8" s="80" customFormat="1" x14ac:dyDescent="0.3">
      <c r="H405" s="49"/>
    </row>
    <row r="406" spans="8:8" s="80" customFormat="1" x14ac:dyDescent="0.3">
      <c r="H406" s="49"/>
    </row>
    <row r="407" spans="8:8" s="80" customFormat="1" x14ac:dyDescent="0.3">
      <c r="H407" s="49"/>
    </row>
    <row r="408" spans="8:8" s="80" customFormat="1" x14ac:dyDescent="0.3">
      <c r="H408" s="49"/>
    </row>
    <row r="409" spans="8:8" s="80" customFormat="1" x14ac:dyDescent="0.3">
      <c r="H409" s="49"/>
    </row>
    <row r="410" spans="8:8" s="80" customFormat="1" x14ac:dyDescent="0.3">
      <c r="H410" s="49"/>
    </row>
    <row r="411" spans="8:8" s="80" customFormat="1" x14ac:dyDescent="0.3">
      <c r="H411" s="49"/>
    </row>
    <row r="412" spans="8:8" s="80" customFormat="1" x14ac:dyDescent="0.3">
      <c r="H412" s="49"/>
    </row>
    <row r="413" spans="8:8" s="80" customFormat="1" x14ac:dyDescent="0.3">
      <c r="H413" s="49"/>
    </row>
  </sheetData>
  <sheetProtection algorithmName="SHA-512" hashValue="4UHf1DmrKp2GJeNMlWTbX4KkuqJfTLFT0DoYDUffHUKBsDV7Luy5OyhAecoF552LiVJjVjonM5WBM0xRQjZoHw==" saltValue="boG+stXYxwiHjQT4qWSt2g==" spinCount="100000" sheet="1" formatColumns="0" formatRows="0" insertHyperlinks="0" sort="0" autoFilter="0" pivotTables="0"/>
  <protectedRanges>
    <protectedRange sqref="B315:D318 F313:G318 D313:D314" name="Range12"/>
    <protectedRange sqref="C240:C244 B221:C227 C229 C231:C238 B234:B238 C217:C219 B243:B284 C246:C284 B210:C215 G209:G215 F210:F215 C193:C208" name="Range10"/>
    <protectedRange sqref="B168:D172 F168:G172 D138 C164:D166" name="Range8"/>
    <protectedRange sqref="C89:D89 C93:D99 B101:D110 F101:G110 C112:D130 C147:D147 B132:D136" name="Range6"/>
    <protectedRange sqref="B20:B25" name="Basic Facts 2"/>
    <protectedRange sqref="C14:C25" name="Basic facts"/>
    <protectedRange sqref="C29:C30 C27 B31:C35 C38:C39" name="Regulatory Sumary"/>
    <protectedRange sqref="C3 C29:C30 C45:C51 D46:D51 F45:G51 C53:D57 B59:D64 F53:G57 F59:G64 C66:D66 C70:D76 B78:D87 F66:G76 F78:G87 C93:D99 B40:B43 C27 B31:C35 B20:C25 B49:B51 C38:C43 C14:C19" name="HTT General"/>
    <protectedRange sqref="C139:D146 C138 B158:D162 C148:D156" name="Range7"/>
    <protectedRange sqref="C174:C178 B180:D191 F180:G191" name="Range9"/>
    <protectedRange sqref="B321:G365 C312:C314" name="Range11"/>
    <protectedRange sqref="C45:C51 D46:G51 F45:G45 B49:B51" name="Range13"/>
  </protectedRanges>
  <phoneticPr fontId="46" type="noConversion"/>
  <dataValidations disablePrompts="1" count="2">
    <dataValidation type="list" allowBlank="1" showInputMessage="1" showErrorMessage="1" sqref="C299" xr:uid="{4170D199-69B1-4C36-ADE3-FA3FC3E21F21}">
      <formula1>J299:J302</formula1>
    </dataValidation>
    <dataValidation type="list" allowBlank="1" showInputMessage="1" showErrorMessage="1" sqref="C28" xr:uid="{4F9DFA44-CD04-406A-81EC-EEFCAD950917}">
      <formula1>$M$28:$M$30</formula1>
    </dataValidation>
  </dataValidations>
  <hyperlinks>
    <hyperlink ref="B6" location="'A. HTT General'!B13" display="1. Basic Facts" xr:uid="{00000000-0004-0000-0400-000000000000}"/>
    <hyperlink ref="B7" location="'A. HTT General'!B26" display="2. Regulatory Summary" xr:uid="{00000000-0004-0000-0400-000001000000}"/>
    <hyperlink ref="B8" location="'A. HTT General'!B36" display="3. General Cover Pool / Covered Bond Information" xr:uid="{00000000-0004-0000-0400-000002000000}"/>
    <hyperlink ref="B9" location="'A. HTT General'!B285" display="4. References to Capital Requirements Regulation (CRR) 129(7)" xr:uid="{00000000-0004-0000-0400-000003000000}"/>
    <hyperlink ref="B11" location="'A. HTT General'!B319" display="6. Other relevant information" xr:uid="{00000000-0004-0000-0400-000004000000}"/>
    <hyperlink ref="C289" location="'A. HTT General'!A39" display="'A. HTT General'!A39" xr:uid="{00000000-0004-0000-0400-000005000000}"/>
    <hyperlink ref="C291" location="'B1. HTT Mortgage Assets'!B43" display="'B1. HTT Mortgage Assets'!B43" xr:uid="{00000000-0004-0000-0400-000006000000}"/>
    <hyperlink ref="D291" location="'B2. HTT Public Sector Assets'!B48" display="'B2. HTT Public Sector Assets'!B48" xr:uid="{00000000-0004-0000-0400-000007000000}"/>
    <hyperlink ref="C292" location="'A. HTT General'!A52" display="'A. HTT General'!A52" xr:uid="{00000000-0004-0000-0400-000008000000}"/>
    <hyperlink ref="C297" location="'A. HTT General'!B163" display="'A. HTT General'!B163" xr:uid="{00000000-0004-0000-0400-000009000000}"/>
    <hyperlink ref="C298" location="'A. HTT General'!B137" display="'A. HTT General'!B137" xr:uid="{00000000-0004-0000-0400-00000A000000}"/>
    <hyperlink ref="C302" location="'C. HTT Harmonised Glossary'!B18" display="'C. HTT Harmonised Glossary'!B18" xr:uid="{00000000-0004-0000-0400-00000B000000}"/>
    <hyperlink ref="C303" location="'A. HTT General'!B65" display="'A. HTT General'!B65" xr:uid="{00000000-0004-0000-0400-00000C000000}"/>
    <hyperlink ref="C304" location="'A. HTT General'!B88" display="'A. HTT General'!B88" xr:uid="{00000000-0004-0000-0400-00000D000000}"/>
    <hyperlink ref="C307" location="'B1. HTT Mortgage Assets'!B179" display="'B1. HTT Mortgage Assets'!B179" xr:uid="{00000000-0004-0000-0400-00000E000000}"/>
    <hyperlink ref="D307" location="'B2. HTT Public Sector Assets'!B166" display="'B2. HTT Public Sector Assets'!B166" xr:uid="{00000000-0004-0000-0400-00000F000000}"/>
    <hyperlink ref="B27" r:id="rId1" display="Basel Compliance (Y/N)" xr:uid="{00000000-0004-0000-0400-000010000000}"/>
    <hyperlink ref="B29" r:id="rId2" xr:uid="{00000000-0004-0000-0400-000011000000}"/>
    <hyperlink ref="B30" r:id="rId3" xr:uid="{00000000-0004-0000-0400-000012000000}"/>
    <hyperlink ref="B10" location="'A. HTT General'!B311" display="5. References to Capital Requirements Regulation (CRR) 129(1)" xr:uid="{00000000-0004-0000-0400-000013000000}"/>
    <hyperlink ref="D293" location="'B1. HTT Mortgage Assets'!B424" display="'B1. HTT Mortgage Assets'!B424" xr:uid="{00000000-0004-0000-0400-000014000000}"/>
    <hyperlink ref="C293" location="'B1. HTT Mortgage Assets'!B186" display="'B1. HTT Mortgage Assets'!B186" xr:uid="{00000000-0004-0000-0400-000015000000}"/>
    <hyperlink ref="C288" location="'A. HTT General'!A38" display="'A. HTT General'!A38" xr:uid="{00000000-0004-0000-0400-000016000000}"/>
    <hyperlink ref="C296" location="'A. HTT General'!B111" display="'A. HTT General'!B111" xr:uid="{00000000-0004-0000-0400-000017000000}"/>
    <hyperlink ref="D295" location="'B2. HTT Public Sector Assets'!B129" display="'B2. HTT Public Sector Assets'!B129" xr:uid="{00000000-0004-0000-0400-000019000000}"/>
    <hyperlink ref="C295" location="'B1. HTT Mortgage Assets'!B149" display="'B1. HTT Mortgage Assets'!B149" xr:uid="{00000000-0004-0000-0400-00001A000000}"/>
    <hyperlink ref="C294" location="'C. HTT Harmonised Glossary'!B20" display="link to Glossary HG.1.15" xr:uid="{70A8261C-53E5-46F9-B161-336AE24567A1}"/>
    <hyperlink ref="C306" location="'A. HTT General'!B44" display="'A. HTT General'!B44" xr:uid="{22A93FFC-FFD8-46EC-B5A8-26FB6ACCFC83}"/>
    <hyperlink ref="C300" location="'B1. HTT Mortgage Assets'!B215" display="215 LTV residential mortgage" xr:uid="{98548F2A-57E6-4371-8561-2713EA2627FE}"/>
    <hyperlink ref="D300" location="'B1. HTT Mortgage Assets'!B453" display="441 LTV Commercial Mortgage" xr:uid="{5800A913-907A-4153-9140-4F4694708A09}"/>
    <hyperlink ref="C301" location="'A. HTT General'!B230" display="230 Derivatives and Swaps" xr:uid="{77F0E612-51EF-4057-94E1-E16688149A91}"/>
    <hyperlink ref="B28" r:id="rId4" display="CBD Compliance (Y/N)" xr:uid="{3C8E45B7-61FB-45A4-ACB2-0C2226575A66}"/>
    <hyperlink ref="F293" location="'B2. HTT Public Sector Assets'!A18" display="'B2. HTT Public Sector Assets'!A18" xr:uid="{00000000-0004-0000-0400-000018000000}"/>
    <hyperlink ref="G293" location="'B3. HTT Shipping Assets'!B116" display="'B3. HTT Shipping Assets'!B116" xr:uid="{AD021156-21CA-4734-961B-2C774A7531C9}"/>
    <hyperlink ref="F295" location="'B3. HTT Shipping Assets'!B80" display="'B3. HTT Shipping Assets'!B80" xr:uid="{30079AD2-C796-49F2-BFB1-0DCCB1D2AA07}"/>
    <hyperlink ref="C305" location="'C. HTT Harmonised Glossary'!B12" display="link to Glossary HG 1.7" xr:uid="{9BB09716-6675-42A0-BD7F-6367756A2C59}"/>
    <hyperlink ref="F307" location="'B3. HTT Shipping Assets'!B110" display="'B3. HTT Shipping Assets'!B110" xr:uid="{7AEEDC51-220C-44D5-B2BD-8CC3BB0653FD}"/>
    <hyperlink ref="B44" location="'C. HTT Harmonised Glossary'!B6" display="2. Over-collateralisation (OC) " xr:uid="{127A2DD0-EA6F-4DE1-A280-29469B922A79}"/>
    <hyperlink ref="F300" location="'B2. HTT Public Sector Assets'!B147" display="147 for Public Sector Asset - type of debtor" xr:uid="{0068EC8C-36FC-446E-BA0F-9D2D84D823F3}"/>
    <hyperlink ref="C244" location="'F1. Sustainable M data'!A1" display="F1. Tab" xr:uid="{B50CE88F-4E7E-4722-A46C-C8E6253C91B8}"/>
    <hyperlink ref="D244" location="'F2. Sustainable PS data'!A1" display="F2. Tab" xr:uid="{230C129E-9BBE-405E-BAA2-4C0F5B70E2D4}"/>
    <hyperlink ref="C17" r:id="rId5" xr:uid="{369E92C9-8C75-4831-ACF7-0B50419D91E7}"/>
    <hyperlink ref="C30" r:id="rId6" xr:uid="{1BB318BE-BAAE-4801-B780-4BD88D1BA6E1}"/>
  </hyperlinks>
  <pageMargins left="0.70866141732283472" right="0.70866141732283472" top="0.74803149606299213" bottom="0.74803149606299213" header="0.31496062992125984" footer="0.31496062992125984"/>
  <pageSetup paperSize="9" fitToHeight="0" orientation="landscape" r:id="rId7"/>
  <headerFooter>
    <oddHeader>&amp;R&amp;G</oddHeader>
  </headerFooter>
  <ignoredErrors>
    <ignoredError sqref="F58 F77" formula="1"/>
  </ignoredErrors>
  <legacyDrawingHF r:id="rId8"/>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tabColor rgb="FFE36E00"/>
  </sheetPr>
  <dimension ref="A1:N622"/>
  <sheetViews>
    <sheetView zoomScale="80" zoomScaleNormal="80" workbookViewId="0">
      <selection activeCell="C28" sqref="C28"/>
    </sheetView>
  </sheetViews>
  <sheetFormatPr defaultColWidth="8.88671875" defaultRowHeight="14.4" outlineLevelRow="1" x14ac:dyDescent="0.3"/>
  <cols>
    <col min="1" max="1" width="13.88671875" style="51" customWidth="1"/>
    <col min="2" max="2" width="62.88671875" style="51" customWidth="1"/>
    <col min="3" max="3" width="41" style="51" customWidth="1"/>
    <col min="4" max="4" width="40.88671875" style="51" customWidth="1"/>
    <col min="5" max="5" width="6.6640625" style="51" customWidth="1"/>
    <col min="6" max="6" width="41.5546875" style="51" customWidth="1"/>
    <col min="7" max="7" width="41.5546875" style="49" customWidth="1"/>
    <col min="8" max="16384" width="8.88671875" style="80"/>
  </cols>
  <sheetData>
    <row r="1" spans="1:7" ht="31.2" x14ac:dyDescent="0.3">
      <c r="A1" s="48" t="s">
        <v>440</v>
      </c>
      <c r="B1" s="48"/>
      <c r="C1" s="49"/>
      <c r="D1" s="49"/>
      <c r="E1" s="49"/>
      <c r="F1" s="171" t="s">
        <v>1727</v>
      </c>
    </row>
    <row r="2" spans="1:7" ht="15" thickBot="1" x14ac:dyDescent="0.35">
      <c r="A2" s="49"/>
      <c r="B2" s="49"/>
      <c r="C2" s="49"/>
      <c r="D2" s="49"/>
      <c r="E2" s="49"/>
      <c r="F2" s="49"/>
    </row>
    <row r="3" spans="1:7" ht="18.600000000000001" thickBot="1" x14ac:dyDescent="0.35">
      <c r="A3" s="52"/>
      <c r="B3" s="53" t="s">
        <v>69</v>
      </c>
      <c r="C3" s="156" t="s">
        <v>202</v>
      </c>
      <c r="D3" s="52"/>
      <c r="E3" s="52"/>
      <c r="F3" s="49"/>
      <c r="G3" s="52"/>
    </row>
    <row r="4" spans="1:7" ht="15" thickBot="1" x14ac:dyDescent="0.35"/>
    <row r="5" spans="1:7" ht="18" x14ac:dyDescent="0.3">
      <c r="A5" s="55"/>
      <c r="B5" s="56" t="s">
        <v>441</v>
      </c>
      <c r="C5" s="55"/>
      <c r="E5" s="57"/>
      <c r="F5" s="57"/>
    </row>
    <row r="6" spans="1:7" x14ac:dyDescent="0.3">
      <c r="B6" s="112" t="s">
        <v>442</v>
      </c>
    </row>
    <row r="7" spans="1:7" x14ac:dyDescent="0.3">
      <c r="B7" s="175" t="s">
        <v>443</v>
      </c>
    </row>
    <row r="8" spans="1:7" ht="15" thickBot="1" x14ac:dyDescent="0.35">
      <c r="B8" s="176" t="s">
        <v>444</v>
      </c>
    </row>
    <row r="9" spans="1:7" x14ac:dyDescent="0.3">
      <c r="B9" s="113"/>
    </row>
    <row r="10" spans="1:7" ht="36" x14ac:dyDescent="0.3">
      <c r="A10" s="62" t="s">
        <v>77</v>
      </c>
      <c r="B10" s="62" t="s">
        <v>442</v>
      </c>
      <c r="C10" s="63"/>
      <c r="D10" s="63"/>
      <c r="E10" s="63"/>
      <c r="F10" s="63"/>
      <c r="G10" s="64"/>
    </row>
    <row r="11" spans="1:7" ht="15" customHeight="1" x14ac:dyDescent="0.3">
      <c r="A11" s="70"/>
      <c r="B11" s="71" t="s">
        <v>445</v>
      </c>
      <c r="C11" s="70" t="s">
        <v>106</v>
      </c>
      <c r="D11" s="70"/>
      <c r="E11" s="70"/>
      <c r="F11" s="73" t="s">
        <v>446</v>
      </c>
      <c r="G11" s="73"/>
    </row>
    <row r="12" spans="1:7" x14ac:dyDescent="0.3">
      <c r="A12" s="51" t="s">
        <v>447</v>
      </c>
      <c r="B12" s="51" t="s">
        <v>448</v>
      </c>
      <c r="C12" s="123">
        <v>14769.10016263033</v>
      </c>
      <c r="F12" s="129">
        <f>IF($C$15=0,"",IF(C12="[for completion]","",C12/$C$15))</f>
        <v>1</v>
      </c>
    </row>
    <row r="13" spans="1:7" x14ac:dyDescent="0.3">
      <c r="A13" s="51" t="s">
        <v>449</v>
      </c>
      <c r="B13" s="51" t="s">
        <v>450</v>
      </c>
      <c r="C13" s="123">
        <v>0</v>
      </c>
      <c r="F13" s="129">
        <f>IF($C$15=0,"",IF(C13="[for completion]","",C13/$C$15))</f>
        <v>0</v>
      </c>
    </row>
    <row r="14" spans="1:7" x14ac:dyDescent="0.3">
      <c r="A14" s="51" t="s">
        <v>451</v>
      </c>
      <c r="B14" s="51" t="s">
        <v>135</v>
      </c>
      <c r="C14" s="123">
        <v>0</v>
      </c>
      <c r="F14" s="129">
        <f>IF($C$15=0,"",IF(C14="[for completion]","",C14/$C$15))</f>
        <v>0</v>
      </c>
    </row>
    <row r="15" spans="1:7" x14ac:dyDescent="0.3">
      <c r="A15" s="51" t="s">
        <v>452</v>
      </c>
      <c r="B15" s="114" t="s">
        <v>137</v>
      </c>
      <c r="C15" s="123">
        <f>SUM(C12:C14)</f>
        <v>14769.10016263033</v>
      </c>
      <c r="F15" s="120">
        <f>SUM(F12:F14)</f>
        <v>1</v>
      </c>
    </row>
    <row r="16" spans="1:7" outlineLevel="1" x14ac:dyDescent="0.3">
      <c r="A16" s="51" t="s">
        <v>453</v>
      </c>
      <c r="B16" s="79" t="s">
        <v>454</v>
      </c>
      <c r="C16" s="123"/>
      <c r="F16" s="129">
        <f t="shared" ref="F16:F26" si="0">IF($C$15=0,"",IF(C16="[for completion]","",C16/$C$15))</f>
        <v>0</v>
      </c>
    </row>
    <row r="17" spans="1:7" outlineLevel="1" x14ac:dyDescent="0.3">
      <c r="A17" s="51" t="s">
        <v>455</v>
      </c>
      <c r="B17" s="79" t="s">
        <v>991</v>
      </c>
      <c r="C17" s="123"/>
      <c r="F17" s="129">
        <f t="shared" si="0"/>
        <v>0</v>
      </c>
    </row>
    <row r="18" spans="1:7" outlineLevel="1" x14ac:dyDescent="0.3">
      <c r="A18" s="51" t="s">
        <v>456</v>
      </c>
      <c r="B18" s="79" t="s">
        <v>139</v>
      </c>
      <c r="C18" s="123"/>
      <c r="F18" s="129">
        <f t="shared" si="0"/>
        <v>0</v>
      </c>
    </row>
    <row r="19" spans="1:7" outlineLevel="1" x14ac:dyDescent="0.3">
      <c r="A19" s="51" t="s">
        <v>457</v>
      </c>
      <c r="B19" s="79" t="s">
        <v>139</v>
      </c>
      <c r="C19" s="123"/>
      <c r="F19" s="129">
        <f t="shared" si="0"/>
        <v>0</v>
      </c>
    </row>
    <row r="20" spans="1:7" outlineLevel="1" x14ac:dyDescent="0.3">
      <c r="A20" s="51" t="s">
        <v>458</v>
      </c>
      <c r="B20" s="79" t="s">
        <v>139</v>
      </c>
      <c r="C20" s="123"/>
      <c r="F20" s="129">
        <f t="shared" si="0"/>
        <v>0</v>
      </c>
    </row>
    <row r="21" spans="1:7" outlineLevel="1" x14ac:dyDescent="0.3">
      <c r="A21" s="51" t="s">
        <v>459</v>
      </c>
      <c r="B21" s="79" t="s">
        <v>139</v>
      </c>
      <c r="C21" s="123"/>
      <c r="F21" s="129">
        <f t="shared" si="0"/>
        <v>0</v>
      </c>
    </row>
    <row r="22" spans="1:7" outlineLevel="1" x14ac:dyDescent="0.3">
      <c r="A22" s="51" t="s">
        <v>460</v>
      </c>
      <c r="B22" s="79" t="s">
        <v>139</v>
      </c>
      <c r="C22" s="123"/>
      <c r="F22" s="129">
        <f t="shared" si="0"/>
        <v>0</v>
      </c>
    </row>
    <row r="23" spans="1:7" outlineLevel="1" x14ac:dyDescent="0.3">
      <c r="A23" s="51" t="s">
        <v>461</v>
      </c>
      <c r="B23" s="79" t="s">
        <v>139</v>
      </c>
      <c r="C23" s="123"/>
      <c r="F23" s="129">
        <f t="shared" si="0"/>
        <v>0</v>
      </c>
    </row>
    <row r="24" spans="1:7" outlineLevel="1" x14ac:dyDescent="0.3">
      <c r="A24" s="51" t="s">
        <v>462</v>
      </c>
      <c r="B24" s="79" t="s">
        <v>139</v>
      </c>
      <c r="C24" s="123"/>
      <c r="F24" s="129">
        <f t="shared" si="0"/>
        <v>0</v>
      </c>
    </row>
    <row r="25" spans="1:7" outlineLevel="1" x14ac:dyDescent="0.3">
      <c r="A25" s="51" t="s">
        <v>463</v>
      </c>
      <c r="B25" s="79" t="s">
        <v>139</v>
      </c>
      <c r="C25" s="123"/>
      <c r="F25" s="129">
        <f t="shared" si="0"/>
        <v>0</v>
      </c>
    </row>
    <row r="26" spans="1:7" outlineLevel="1" x14ac:dyDescent="0.3">
      <c r="A26" s="51" t="s">
        <v>464</v>
      </c>
      <c r="B26" s="79" t="s">
        <v>139</v>
      </c>
      <c r="C26" s="126"/>
      <c r="D26" s="80"/>
      <c r="E26" s="80"/>
      <c r="F26" s="129">
        <f t="shared" si="0"/>
        <v>0</v>
      </c>
    </row>
    <row r="27" spans="1:7" ht="15" customHeight="1" x14ac:dyDescent="0.3">
      <c r="A27" s="70"/>
      <c r="B27" s="71" t="s">
        <v>465</v>
      </c>
      <c r="C27" s="70" t="s">
        <v>466</v>
      </c>
      <c r="D27" s="70" t="s">
        <v>467</v>
      </c>
      <c r="E27" s="72"/>
      <c r="F27" s="70" t="s">
        <v>468</v>
      </c>
      <c r="G27" s="73"/>
    </row>
    <row r="28" spans="1:7" x14ac:dyDescent="0.3">
      <c r="A28" s="51" t="s">
        <v>469</v>
      </c>
      <c r="B28" s="51" t="s">
        <v>470</v>
      </c>
      <c r="C28" s="124">
        <v>194288</v>
      </c>
      <c r="D28" s="124">
        <v>0</v>
      </c>
      <c r="F28" s="124">
        <f>IF(AND(C28="[For completion]",D28="[For completion]"),"[For completion]",SUM(C28:D28))</f>
        <v>194288</v>
      </c>
    </row>
    <row r="29" spans="1:7" outlineLevel="1" x14ac:dyDescent="0.3">
      <c r="A29" s="51" t="s">
        <v>471</v>
      </c>
      <c r="B29" s="66" t="s">
        <v>472</v>
      </c>
      <c r="C29" s="124"/>
      <c r="D29" s="124"/>
      <c r="F29" s="124"/>
    </row>
    <row r="30" spans="1:7" outlineLevel="1" x14ac:dyDescent="0.3">
      <c r="A30" s="51" t="s">
        <v>473</v>
      </c>
      <c r="B30" s="66" t="s">
        <v>474</v>
      </c>
      <c r="C30" s="124"/>
      <c r="D30" s="124"/>
      <c r="F30" s="124"/>
    </row>
    <row r="31" spans="1:7" outlineLevel="1" x14ac:dyDescent="0.3">
      <c r="A31" s="51" t="s">
        <v>475</v>
      </c>
      <c r="B31" s="66"/>
    </row>
    <row r="32" spans="1:7" outlineLevel="1" x14ac:dyDescent="0.3">
      <c r="A32" s="51" t="s">
        <v>476</v>
      </c>
      <c r="B32" s="66"/>
    </row>
    <row r="33" spans="1:7" outlineLevel="1" x14ac:dyDescent="0.3">
      <c r="A33" s="51" t="s">
        <v>1175</v>
      </c>
      <c r="B33" s="66"/>
    </row>
    <row r="34" spans="1:7" outlineLevel="1" x14ac:dyDescent="0.3">
      <c r="A34" s="51" t="s">
        <v>1176</v>
      </c>
      <c r="B34" s="66"/>
    </row>
    <row r="35" spans="1:7" ht="15" customHeight="1" x14ac:dyDescent="0.3">
      <c r="A35" s="70"/>
      <c r="B35" s="71" t="s">
        <v>477</v>
      </c>
      <c r="C35" s="70" t="s">
        <v>478</v>
      </c>
      <c r="D35" s="70" t="s">
        <v>479</v>
      </c>
      <c r="E35" s="72"/>
      <c r="F35" s="73" t="s">
        <v>446</v>
      </c>
      <c r="G35" s="73"/>
    </row>
    <row r="36" spans="1:7" x14ac:dyDescent="0.3">
      <c r="A36" s="51" t="s">
        <v>480</v>
      </c>
      <c r="B36" s="51" t="s">
        <v>481</v>
      </c>
      <c r="C36" s="120">
        <v>1.9989325141621995E-3</v>
      </c>
      <c r="D36" s="120">
        <v>0</v>
      </c>
      <c r="E36" s="137"/>
      <c r="F36" s="120" t="s">
        <v>79</v>
      </c>
    </row>
    <row r="37" spans="1:7" outlineLevel="1" x14ac:dyDescent="0.3">
      <c r="A37" s="51" t="s">
        <v>482</v>
      </c>
      <c r="C37" s="120"/>
      <c r="D37" s="120"/>
      <c r="E37" s="137"/>
      <c r="F37" s="120"/>
    </row>
    <row r="38" spans="1:7" outlineLevel="1" x14ac:dyDescent="0.3">
      <c r="A38" s="51" t="s">
        <v>483</v>
      </c>
      <c r="C38" s="120"/>
      <c r="D38" s="120"/>
      <c r="E38" s="137"/>
      <c r="F38" s="120"/>
    </row>
    <row r="39" spans="1:7" outlineLevel="1" x14ac:dyDescent="0.3">
      <c r="A39" s="51" t="s">
        <v>484</v>
      </c>
      <c r="C39" s="120"/>
      <c r="D39" s="120"/>
      <c r="E39" s="137"/>
      <c r="F39" s="120"/>
    </row>
    <row r="40" spans="1:7" outlineLevel="1" x14ac:dyDescent="0.3">
      <c r="A40" s="51" t="s">
        <v>485</v>
      </c>
      <c r="C40" s="120"/>
      <c r="D40" s="120"/>
      <c r="E40" s="137"/>
      <c r="F40" s="120"/>
    </row>
    <row r="41" spans="1:7" outlineLevel="1" x14ac:dyDescent="0.3">
      <c r="A41" s="51" t="s">
        <v>486</v>
      </c>
      <c r="C41" s="120"/>
      <c r="D41" s="120"/>
      <c r="E41" s="137"/>
      <c r="F41" s="120"/>
    </row>
    <row r="42" spans="1:7" outlineLevel="1" x14ac:dyDescent="0.3">
      <c r="A42" s="51" t="s">
        <v>487</v>
      </c>
      <c r="C42" s="120"/>
      <c r="D42" s="120"/>
      <c r="E42" s="137"/>
      <c r="F42" s="120"/>
    </row>
    <row r="43" spans="1:7" ht="15" customHeight="1" x14ac:dyDescent="0.3">
      <c r="A43" s="70"/>
      <c r="B43" s="71" t="s">
        <v>488</v>
      </c>
      <c r="C43" s="70" t="s">
        <v>478</v>
      </c>
      <c r="D43" s="70" t="s">
        <v>479</v>
      </c>
      <c r="E43" s="72"/>
      <c r="F43" s="73" t="s">
        <v>446</v>
      </c>
      <c r="G43" s="73"/>
    </row>
    <row r="44" spans="1:7" x14ac:dyDescent="0.3">
      <c r="A44" s="92" t="s">
        <v>489</v>
      </c>
      <c r="B44" s="178" t="s">
        <v>490</v>
      </c>
      <c r="C44" s="179">
        <f>SUM(C45:C71)</f>
        <v>1</v>
      </c>
      <c r="D44" s="179">
        <f>SUM(D45:D71)</f>
        <v>0</v>
      </c>
      <c r="E44" s="179"/>
      <c r="F44" s="179">
        <f>SUM(F45:F71)</f>
        <v>1</v>
      </c>
      <c r="G44" s="51"/>
    </row>
    <row r="45" spans="1:7" x14ac:dyDescent="0.3">
      <c r="A45" s="51" t="s">
        <v>491</v>
      </c>
      <c r="B45" s="51" t="s">
        <v>492</v>
      </c>
      <c r="C45" s="120">
        <v>0</v>
      </c>
      <c r="D45" s="120">
        <v>0</v>
      </c>
      <c r="E45" s="120"/>
      <c r="F45" s="120">
        <f>+SUM(C45:D45)</f>
        <v>0</v>
      </c>
      <c r="G45" s="51"/>
    </row>
    <row r="46" spans="1:7" x14ac:dyDescent="0.3">
      <c r="A46" s="51" t="s">
        <v>493</v>
      </c>
      <c r="B46" s="51" t="s">
        <v>494</v>
      </c>
      <c r="C46" s="120">
        <v>0</v>
      </c>
      <c r="D46" s="120">
        <v>0</v>
      </c>
      <c r="E46" s="120"/>
      <c r="F46" s="120">
        <f t="shared" ref="F46:F87" si="1">+SUM(C46:D46)</f>
        <v>0</v>
      </c>
      <c r="G46" s="51"/>
    </row>
    <row r="47" spans="1:7" x14ac:dyDescent="0.3">
      <c r="A47" s="51" t="s">
        <v>495</v>
      </c>
      <c r="B47" s="51" t="s">
        <v>496</v>
      </c>
      <c r="C47" s="120">
        <v>0</v>
      </c>
      <c r="D47" s="120">
        <v>0</v>
      </c>
      <c r="E47" s="120"/>
      <c r="F47" s="120">
        <f t="shared" si="1"/>
        <v>0</v>
      </c>
      <c r="G47" s="51"/>
    </row>
    <row r="48" spans="1:7" x14ac:dyDescent="0.3">
      <c r="A48" s="51" t="s">
        <v>497</v>
      </c>
      <c r="B48" s="51" t="s">
        <v>498</v>
      </c>
      <c r="C48" s="120">
        <v>0</v>
      </c>
      <c r="D48" s="120">
        <v>0</v>
      </c>
      <c r="E48" s="120"/>
      <c r="F48" s="120">
        <f t="shared" si="1"/>
        <v>0</v>
      </c>
      <c r="G48" s="51"/>
    </row>
    <row r="49" spans="1:7" x14ac:dyDescent="0.3">
      <c r="A49" s="51" t="s">
        <v>499</v>
      </c>
      <c r="B49" s="51" t="s">
        <v>500</v>
      </c>
      <c r="C49" s="120">
        <v>0</v>
      </c>
      <c r="D49" s="120">
        <v>0</v>
      </c>
      <c r="E49" s="120"/>
      <c r="F49" s="120">
        <f t="shared" si="1"/>
        <v>0</v>
      </c>
      <c r="G49" s="51"/>
    </row>
    <row r="50" spans="1:7" x14ac:dyDescent="0.3">
      <c r="A50" s="51" t="s">
        <v>501</v>
      </c>
      <c r="B50" s="51" t="s">
        <v>1377</v>
      </c>
      <c r="C50" s="120">
        <v>0</v>
      </c>
      <c r="D50" s="120">
        <v>0</v>
      </c>
      <c r="E50" s="120"/>
      <c r="F50" s="120">
        <f t="shared" si="1"/>
        <v>0</v>
      </c>
      <c r="G50" s="51"/>
    </row>
    <row r="51" spans="1:7" x14ac:dyDescent="0.3">
      <c r="A51" s="51" t="s">
        <v>502</v>
      </c>
      <c r="B51" s="51" t="s">
        <v>503</v>
      </c>
      <c r="C51" s="120">
        <v>0</v>
      </c>
      <c r="D51" s="120">
        <v>0</v>
      </c>
      <c r="E51" s="120"/>
      <c r="F51" s="120">
        <f t="shared" si="1"/>
        <v>0</v>
      </c>
      <c r="G51" s="51"/>
    </row>
    <row r="52" spans="1:7" x14ac:dyDescent="0.3">
      <c r="A52" s="51" t="s">
        <v>504</v>
      </c>
      <c r="B52" s="51" t="s">
        <v>505</v>
      </c>
      <c r="C52" s="120">
        <v>0</v>
      </c>
      <c r="D52" s="120">
        <v>0</v>
      </c>
      <c r="E52" s="120"/>
      <c r="F52" s="120">
        <f t="shared" si="1"/>
        <v>0</v>
      </c>
      <c r="G52" s="51"/>
    </row>
    <row r="53" spans="1:7" x14ac:dyDescent="0.3">
      <c r="A53" s="51" t="s">
        <v>506</v>
      </c>
      <c r="B53" s="51" t="s">
        <v>507</v>
      </c>
      <c r="C53" s="120">
        <v>0</v>
      </c>
      <c r="D53" s="120">
        <v>0</v>
      </c>
      <c r="E53" s="120"/>
      <c r="F53" s="120">
        <f t="shared" si="1"/>
        <v>0</v>
      </c>
      <c r="G53" s="51"/>
    </row>
    <row r="54" spans="1:7" x14ac:dyDescent="0.3">
      <c r="A54" s="51" t="s">
        <v>508</v>
      </c>
      <c r="B54" s="51" t="s">
        <v>509</v>
      </c>
      <c r="C54" s="120">
        <v>0</v>
      </c>
      <c r="D54" s="120">
        <v>0</v>
      </c>
      <c r="E54" s="120"/>
      <c r="F54" s="120">
        <f t="shared" si="1"/>
        <v>0</v>
      </c>
      <c r="G54" s="51"/>
    </row>
    <row r="55" spans="1:7" x14ac:dyDescent="0.3">
      <c r="A55" s="51" t="s">
        <v>510</v>
      </c>
      <c r="B55" s="51" t="s">
        <v>511</v>
      </c>
      <c r="C55" s="120">
        <v>0</v>
      </c>
      <c r="D55" s="120">
        <v>0</v>
      </c>
      <c r="E55" s="120"/>
      <c r="F55" s="120">
        <f t="shared" si="1"/>
        <v>0</v>
      </c>
      <c r="G55" s="51"/>
    </row>
    <row r="56" spans="1:7" x14ac:dyDescent="0.3">
      <c r="A56" s="51" t="s">
        <v>512</v>
      </c>
      <c r="B56" s="51" t="s">
        <v>513</v>
      </c>
      <c r="C56" s="120">
        <v>0</v>
      </c>
      <c r="D56" s="120">
        <v>0</v>
      </c>
      <c r="E56" s="120"/>
      <c r="F56" s="120">
        <f t="shared" si="1"/>
        <v>0</v>
      </c>
      <c r="G56" s="51"/>
    </row>
    <row r="57" spans="1:7" x14ac:dyDescent="0.3">
      <c r="A57" s="51" t="s">
        <v>514</v>
      </c>
      <c r="B57" s="51" t="s">
        <v>515</v>
      </c>
      <c r="C57" s="120">
        <v>0</v>
      </c>
      <c r="D57" s="120">
        <v>0</v>
      </c>
      <c r="E57" s="120"/>
      <c r="F57" s="120">
        <f t="shared" si="1"/>
        <v>0</v>
      </c>
      <c r="G57" s="51"/>
    </row>
    <row r="58" spans="1:7" x14ac:dyDescent="0.3">
      <c r="A58" s="51" t="s">
        <v>516</v>
      </c>
      <c r="B58" s="51" t="s">
        <v>517</v>
      </c>
      <c r="C58" s="120">
        <v>0</v>
      </c>
      <c r="D58" s="120">
        <v>0</v>
      </c>
      <c r="E58" s="120"/>
      <c r="F58" s="120">
        <f t="shared" si="1"/>
        <v>0</v>
      </c>
      <c r="G58" s="51"/>
    </row>
    <row r="59" spans="1:7" x14ac:dyDescent="0.3">
      <c r="A59" s="51" t="s">
        <v>518</v>
      </c>
      <c r="B59" s="51" t="s">
        <v>519</v>
      </c>
      <c r="C59" s="120">
        <v>0</v>
      </c>
      <c r="D59" s="120">
        <v>0</v>
      </c>
      <c r="E59" s="120"/>
      <c r="F59" s="120">
        <f t="shared" si="1"/>
        <v>0</v>
      </c>
      <c r="G59" s="51"/>
    </row>
    <row r="60" spans="1:7" x14ac:dyDescent="0.3">
      <c r="A60" s="51" t="s">
        <v>520</v>
      </c>
      <c r="B60" s="51" t="s">
        <v>2</v>
      </c>
      <c r="C60" s="120">
        <v>0</v>
      </c>
      <c r="D60" s="120">
        <v>0</v>
      </c>
      <c r="E60" s="120"/>
      <c r="F60" s="120">
        <f t="shared" si="1"/>
        <v>0</v>
      </c>
      <c r="G60" s="51"/>
    </row>
    <row r="61" spans="1:7" x14ac:dyDescent="0.3">
      <c r="A61" s="51" t="s">
        <v>521</v>
      </c>
      <c r="B61" s="51" t="s">
        <v>522</v>
      </c>
      <c r="C61" s="120">
        <v>0</v>
      </c>
      <c r="D61" s="120">
        <v>0</v>
      </c>
      <c r="E61" s="120"/>
      <c r="F61" s="120">
        <f t="shared" si="1"/>
        <v>0</v>
      </c>
      <c r="G61" s="51"/>
    </row>
    <row r="62" spans="1:7" x14ac:dyDescent="0.3">
      <c r="A62" s="51" t="s">
        <v>523</v>
      </c>
      <c r="B62" s="51" t="s">
        <v>524</v>
      </c>
      <c r="C62" s="120">
        <v>0</v>
      </c>
      <c r="D62" s="120">
        <v>0</v>
      </c>
      <c r="E62" s="120"/>
      <c r="F62" s="120">
        <f t="shared" si="1"/>
        <v>0</v>
      </c>
      <c r="G62" s="51"/>
    </row>
    <row r="63" spans="1:7" x14ac:dyDescent="0.3">
      <c r="A63" s="51" t="s">
        <v>525</v>
      </c>
      <c r="B63" s="51" t="s">
        <v>526</v>
      </c>
      <c r="C63" s="120">
        <v>0</v>
      </c>
      <c r="D63" s="120">
        <v>0</v>
      </c>
      <c r="E63" s="120"/>
      <c r="F63" s="120">
        <f t="shared" si="1"/>
        <v>0</v>
      </c>
      <c r="G63" s="51"/>
    </row>
    <row r="64" spans="1:7" x14ac:dyDescent="0.3">
      <c r="A64" s="51" t="s">
        <v>527</v>
      </c>
      <c r="B64" s="51" t="s">
        <v>528</v>
      </c>
      <c r="C64" s="120">
        <v>0</v>
      </c>
      <c r="D64" s="120">
        <v>0</v>
      </c>
      <c r="E64" s="120"/>
      <c r="F64" s="120">
        <f t="shared" si="1"/>
        <v>0</v>
      </c>
      <c r="G64" s="51"/>
    </row>
    <row r="65" spans="1:7" x14ac:dyDescent="0.3">
      <c r="A65" s="51" t="s">
        <v>529</v>
      </c>
      <c r="B65" s="51" t="s">
        <v>530</v>
      </c>
      <c r="C65" s="120">
        <v>0</v>
      </c>
      <c r="D65" s="120">
        <v>0</v>
      </c>
      <c r="E65" s="120"/>
      <c r="F65" s="120">
        <f t="shared" si="1"/>
        <v>0</v>
      </c>
      <c r="G65" s="51"/>
    </row>
    <row r="66" spans="1:7" x14ac:dyDescent="0.3">
      <c r="A66" s="51" t="s">
        <v>531</v>
      </c>
      <c r="B66" s="51" t="s">
        <v>532</v>
      </c>
      <c r="C66" s="120">
        <v>1</v>
      </c>
      <c r="D66" s="120">
        <v>0</v>
      </c>
      <c r="E66" s="120"/>
      <c r="F66" s="120">
        <f t="shared" si="1"/>
        <v>1</v>
      </c>
      <c r="G66" s="51"/>
    </row>
    <row r="67" spans="1:7" x14ac:dyDescent="0.3">
      <c r="A67" s="51" t="s">
        <v>533</v>
      </c>
      <c r="B67" s="51" t="s">
        <v>534</v>
      </c>
      <c r="C67" s="120">
        <v>0</v>
      </c>
      <c r="D67" s="120">
        <v>0</v>
      </c>
      <c r="E67" s="120"/>
      <c r="F67" s="120">
        <f t="shared" si="1"/>
        <v>0</v>
      </c>
      <c r="G67" s="51"/>
    </row>
    <row r="68" spans="1:7" x14ac:dyDescent="0.3">
      <c r="A68" s="51" t="s">
        <v>535</v>
      </c>
      <c r="B68" s="51" t="s">
        <v>536</v>
      </c>
      <c r="C68" s="120">
        <v>0</v>
      </c>
      <c r="D68" s="120">
        <v>0</v>
      </c>
      <c r="E68" s="120"/>
      <c r="F68" s="120">
        <f t="shared" si="1"/>
        <v>0</v>
      </c>
      <c r="G68" s="51"/>
    </row>
    <row r="69" spans="1:7" x14ac:dyDescent="0.3">
      <c r="A69" s="51" t="s">
        <v>537</v>
      </c>
      <c r="B69" s="51" t="s">
        <v>538</v>
      </c>
      <c r="C69" s="120">
        <v>0</v>
      </c>
      <c r="D69" s="120">
        <v>0</v>
      </c>
      <c r="E69" s="120"/>
      <c r="F69" s="120">
        <f t="shared" si="1"/>
        <v>0</v>
      </c>
      <c r="G69" s="51"/>
    </row>
    <row r="70" spans="1:7" x14ac:dyDescent="0.3">
      <c r="A70" s="51" t="s">
        <v>539</v>
      </c>
      <c r="B70" s="51" t="s">
        <v>540</v>
      </c>
      <c r="C70" s="120">
        <v>0</v>
      </c>
      <c r="D70" s="120">
        <v>0</v>
      </c>
      <c r="E70" s="120"/>
      <c r="F70" s="120">
        <f t="shared" si="1"/>
        <v>0</v>
      </c>
      <c r="G70" s="51"/>
    </row>
    <row r="71" spans="1:7" x14ac:dyDescent="0.3">
      <c r="A71" s="51" t="s">
        <v>541</v>
      </c>
      <c r="B71" s="51" t="s">
        <v>5</v>
      </c>
      <c r="C71" s="120">
        <v>0</v>
      </c>
      <c r="D71" s="120">
        <v>0</v>
      </c>
      <c r="E71" s="120"/>
      <c r="F71" s="120">
        <f t="shared" si="1"/>
        <v>0</v>
      </c>
      <c r="G71" s="51"/>
    </row>
    <row r="72" spans="1:7" x14ac:dyDescent="0.3">
      <c r="A72" s="92" t="s">
        <v>542</v>
      </c>
      <c r="B72" s="178" t="s">
        <v>305</v>
      </c>
      <c r="C72" s="179">
        <f>SUM(C73:C75)</f>
        <v>0</v>
      </c>
      <c r="D72" s="179">
        <f>SUM(D73:D75)</f>
        <v>0</v>
      </c>
      <c r="E72" s="179"/>
      <c r="F72" s="179">
        <f>SUM(F73:F75)</f>
        <v>0</v>
      </c>
      <c r="G72" s="51"/>
    </row>
    <row r="73" spans="1:7" x14ac:dyDescent="0.3">
      <c r="A73" s="51" t="s">
        <v>544</v>
      </c>
      <c r="B73" s="51" t="s">
        <v>546</v>
      </c>
      <c r="C73" s="120">
        <v>0</v>
      </c>
      <c r="D73" s="120">
        <v>0</v>
      </c>
      <c r="E73" s="120"/>
      <c r="F73" s="120">
        <f t="shared" si="1"/>
        <v>0</v>
      </c>
      <c r="G73" s="51"/>
    </row>
    <row r="74" spans="1:7" x14ac:dyDescent="0.3">
      <c r="A74" s="51" t="s">
        <v>545</v>
      </c>
      <c r="B74" s="51" t="s">
        <v>548</v>
      </c>
      <c r="C74" s="120">
        <v>0</v>
      </c>
      <c r="D74" s="120">
        <v>0</v>
      </c>
      <c r="E74" s="120"/>
      <c r="F74" s="120">
        <f t="shared" si="1"/>
        <v>0</v>
      </c>
      <c r="G74" s="51"/>
    </row>
    <row r="75" spans="1:7" x14ac:dyDescent="0.3">
      <c r="A75" s="51" t="s">
        <v>547</v>
      </c>
      <c r="B75" s="51" t="s">
        <v>1</v>
      </c>
      <c r="C75" s="120">
        <v>0</v>
      </c>
      <c r="D75" s="120">
        <v>0</v>
      </c>
      <c r="E75" s="120"/>
      <c r="F75" s="120">
        <f t="shared" si="1"/>
        <v>0</v>
      </c>
      <c r="G75" s="51"/>
    </row>
    <row r="76" spans="1:7" x14ac:dyDescent="0.3">
      <c r="A76" s="92" t="s">
        <v>1131</v>
      </c>
      <c r="B76" s="178" t="s">
        <v>135</v>
      </c>
      <c r="C76" s="179">
        <f>SUM(C77:C87)</f>
        <v>0</v>
      </c>
      <c r="D76" s="179">
        <f>SUM(D77:D87)</f>
        <v>0</v>
      </c>
      <c r="E76" s="179"/>
      <c r="F76" s="179">
        <f>SUM(F77:F87)</f>
        <v>0</v>
      </c>
      <c r="G76" s="51"/>
    </row>
    <row r="77" spans="1:7" x14ac:dyDescent="0.3">
      <c r="A77" s="51" t="s">
        <v>549</v>
      </c>
      <c r="B77" s="68" t="s">
        <v>307</v>
      </c>
      <c r="C77" s="120">
        <v>0</v>
      </c>
      <c r="D77" s="120">
        <v>0</v>
      </c>
      <c r="E77" s="120"/>
      <c r="F77" s="120">
        <f t="shared" si="1"/>
        <v>0</v>
      </c>
      <c r="G77" s="51"/>
    </row>
    <row r="78" spans="1:7" x14ac:dyDescent="0.3">
      <c r="A78" s="51" t="s">
        <v>550</v>
      </c>
      <c r="B78" s="51" t="s">
        <v>543</v>
      </c>
      <c r="C78" s="120">
        <v>0</v>
      </c>
      <c r="D78" s="120">
        <v>0</v>
      </c>
      <c r="E78" s="120"/>
      <c r="F78" s="120">
        <f t="shared" si="1"/>
        <v>0</v>
      </c>
      <c r="G78" s="51"/>
    </row>
    <row r="79" spans="1:7" x14ac:dyDescent="0.3">
      <c r="A79" s="51" t="s">
        <v>551</v>
      </c>
      <c r="B79" s="68" t="s">
        <v>309</v>
      </c>
      <c r="C79" s="120">
        <v>0</v>
      </c>
      <c r="D79" s="120">
        <v>0</v>
      </c>
      <c r="E79" s="120"/>
      <c r="F79" s="120">
        <f t="shared" si="1"/>
        <v>0</v>
      </c>
      <c r="G79" s="51"/>
    </row>
    <row r="80" spans="1:7" x14ac:dyDescent="0.3">
      <c r="A80" s="51" t="s">
        <v>552</v>
      </c>
      <c r="B80" s="68" t="s">
        <v>311</v>
      </c>
      <c r="C80" s="120">
        <v>0</v>
      </c>
      <c r="D80" s="120">
        <v>0</v>
      </c>
      <c r="E80" s="120"/>
      <c r="F80" s="120">
        <f t="shared" si="1"/>
        <v>0</v>
      </c>
      <c r="G80" s="51"/>
    </row>
    <row r="81" spans="1:7" x14ac:dyDescent="0.3">
      <c r="A81" s="51" t="s">
        <v>553</v>
      </c>
      <c r="B81" s="68" t="s">
        <v>11</v>
      </c>
      <c r="C81" s="120">
        <v>0</v>
      </c>
      <c r="D81" s="120">
        <v>0</v>
      </c>
      <c r="E81" s="120"/>
      <c r="F81" s="120">
        <f t="shared" si="1"/>
        <v>0</v>
      </c>
      <c r="G81" s="51"/>
    </row>
    <row r="82" spans="1:7" x14ac:dyDescent="0.3">
      <c r="A82" s="51" t="s">
        <v>554</v>
      </c>
      <c r="B82" s="68" t="s">
        <v>314</v>
      </c>
      <c r="C82" s="120">
        <v>0</v>
      </c>
      <c r="D82" s="120">
        <v>0</v>
      </c>
      <c r="E82" s="120"/>
      <c r="F82" s="120">
        <f t="shared" si="1"/>
        <v>0</v>
      </c>
      <c r="G82" s="51"/>
    </row>
    <row r="83" spans="1:7" x14ac:dyDescent="0.3">
      <c r="A83" s="51" t="s">
        <v>555</v>
      </c>
      <c r="B83" s="68" t="s">
        <v>316</v>
      </c>
      <c r="C83" s="120">
        <v>0</v>
      </c>
      <c r="D83" s="120">
        <v>0</v>
      </c>
      <c r="E83" s="120"/>
      <c r="F83" s="120">
        <f t="shared" si="1"/>
        <v>0</v>
      </c>
      <c r="G83" s="51"/>
    </row>
    <row r="84" spans="1:7" x14ac:dyDescent="0.3">
      <c r="A84" s="51" t="s">
        <v>556</v>
      </c>
      <c r="B84" s="68" t="s">
        <v>318</v>
      </c>
      <c r="C84" s="120">
        <v>0</v>
      </c>
      <c r="D84" s="120">
        <v>0</v>
      </c>
      <c r="E84" s="120"/>
      <c r="F84" s="120">
        <f t="shared" si="1"/>
        <v>0</v>
      </c>
      <c r="G84" s="51"/>
    </row>
    <row r="85" spans="1:7" x14ac:dyDescent="0.3">
      <c r="A85" s="51" t="s">
        <v>557</v>
      </c>
      <c r="B85" s="68" t="s">
        <v>320</v>
      </c>
      <c r="C85" s="120">
        <v>0</v>
      </c>
      <c r="D85" s="120">
        <v>0</v>
      </c>
      <c r="E85" s="120"/>
      <c r="F85" s="120">
        <f t="shared" si="1"/>
        <v>0</v>
      </c>
      <c r="G85" s="51"/>
    </row>
    <row r="86" spans="1:7" x14ac:dyDescent="0.3">
      <c r="A86" s="51" t="s">
        <v>558</v>
      </c>
      <c r="B86" s="68" t="s">
        <v>322</v>
      </c>
      <c r="C86" s="120">
        <v>0</v>
      </c>
      <c r="D86" s="120">
        <v>0</v>
      </c>
      <c r="E86" s="120"/>
      <c r="F86" s="120">
        <f t="shared" si="1"/>
        <v>0</v>
      </c>
      <c r="G86" s="51"/>
    </row>
    <row r="87" spans="1:7" x14ac:dyDescent="0.3">
      <c r="A87" s="51" t="s">
        <v>559</v>
      </c>
      <c r="B87" s="68" t="s">
        <v>135</v>
      </c>
      <c r="C87" s="120">
        <v>0</v>
      </c>
      <c r="D87" s="120">
        <v>0</v>
      </c>
      <c r="E87" s="120"/>
      <c r="F87" s="120">
        <f t="shared" si="1"/>
        <v>0</v>
      </c>
      <c r="G87" s="51"/>
    </row>
    <row r="88" spans="1:7" outlineLevel="1" x14ac:dyDescent="0.3">
      <c r="A88" s="51" t="s">
        <v>560</v>
      </c>
      <c r="B88" s="79" t="s">
        <v>139</v>
      </c>
      <c r="C88" s="120"/>
      <c r="D88" s="120"/>
      <c r="E88" s="120"/>
      <c r="F88" s="120"/>
      <c r="G88" s="51"/>
    </row>
    <row r="89" spans="1:7" outlineLevel="1" x14ac:dyDescent="0.3">
      <c r="A89" s="51" t="s">
        <v>561</v>
      </c>
      <c r="B89" s="79" t="s">
        <v>139</v>
      </c>
      <c r="C89" s="120"/>
      <c r="D89" s="120"/>
      <c r="E89" s="120"/>
      <c r="F89" s="120"/>
      <c r="G89" s="51"/>
    </row>
    <row r="90" spans="1:7" outlineLevel="1" x14ac:dyDescent="0.3">
      <c r="A90" s="51" t="s">
        <v>562</v>
      </c>
      <c r="B90" s="79" t="s">
        <v>139</v>
      </c>
      <c r="C90" s="120"/>
      <c r="D90" s="120"/>
      <c r="E90" s="120"/>
      <c r="F90" s="120"/>
      <c r="G90" s="51"/>
    </row>
    <row r="91" spans="1:7" outlineLevel="1" x14ac:dyDescent="0.3">
      <c r="A91" s="51" t="s">
        <v>563</v>
      </c>
      <c r="B91" s="79" t="s">
        <v>139</v>
      </c>
      <c r="C91" s="120"/>
      <c r="D91" s="120"/>
      <c r="E91" s="120"/>
      <c r="F91" s="120"/>
      <c r="G91" s="51"/>
    </row>
    <row r="92" spans="1:7" outlineLevel="1" x14ac:dyDescent="0.3">
      <c r="A92" s="51" t="s">
        <v>564</v>
      </c>
      <c r="B92" s="79" t="s">
        <v>139</v>
      </c>
      <c r="C92" s="120"/>
      <c r="D92" s="120"/>
      <c r="E92" s="120"/>
      <c r="F92" s="120"/>
      <c r="G92" s="51"/>
    </row>
    <row r="93" spans="1:7" outlineLevel="1" x14ac:dyDescent="0.3">
      <c r="A93" s="51" t="s">
        <v>565</v>
      </c>
      <c r="B93" s="79" t="s">
        <v>139</v>
      </c>
      <c r="C93" s="120"/>
      <c r="D93" s="120"/>
      <c r="E93" s="120"/>
      <c r="F93" s="120"/>
      <c r="G93" s="51"/>
    </row>
    <row r="94" spans="1:7" outlineLevel="1" x14ac:dyDescent="0.3">
      <c r="A94" s="51" t="s">
        <v>566</v>
      </c>
      <c r="B94" s="79" t="s">
        <v>139</v>
      </c>
      <c r="C94" s="120"/>
      <c r="D94" s="120"/>
      <c r="E94" s="120"/>
      <c r="F94" s="120"/>
      <c r="G94" s="51"/>
    </row>
    <row r="95" spans="1:7" outlineLevel="1" x14ac:dyDescent="0.3">
      <c r="A95" s="51" t="s">
        <v>567</v>
      </c>
      <c r="B95" s="79" t="s">
        <v>139</v>
      </c>
      <c r="C95" s="120"/>
      <c r="D95" s="120"/>
      <c r="E95" s="120"/>
      <c r="F95" s="120"/>
      <c r="G95" s="51"/>
    </row>
    <row r="96" spans="1:7" outlineLevel="1" x14ac:dyDescent="0.3">
      <c r="A96" s="51" t="s">
        <v>568</v>
      </c>
      <c r="B96" s="79" t="s">
        <v>139</v>
      </c>
      <c r="C96" s="120"/>
      <c r="D96" s="120"/>
      <c r="E96" s="120"/>
      <c r="F96" s="120"/>
      <c r="G96" s="51"/>
    </row>
    <row r="97" spans="1:7" outlineLevel="1" x14ac:dyDescent="0.3">
      <c r="A97" s="51" t="s">
        <v>569</v>
      </c>
      <c r="B97" s="79" t="s">
        <v>139</v>
      </c>
      <c r="C97" s="120"/>
      <c r="D97" s="120"/>
      <c r="E97" s="120"/>
      <c r="F97" s="120"/>
      <c r="G97" s="51"/>
    </row>
    <row r="98" spans="1:7" ht="15" customHeight="1" x14ac:dyDescent="0.3">
      <c r="A98" s="70"/>
      <c r="B98" s="128" t="s">
        <v>1720</v>
      </c>
      <c r="C98" s="70" t="s">
        <v>478</v>
      </c>
      <c r="D98" s="70" t="s">
        <v>479</v>
      </c>
      <c r="E98" s="72"/>
      <c r="F98" s="73" t="s">
        <v>446</v>
      </c>
      <c r="G98" s="73"/>
    </row>
    <row r="99" spans="1:7" x14ac:dyDescent="0.3">
      <c r="A99" s="92" t="s">
        <v>570</v>
      </c>
      <c r="B99" s="178" t="s">
        <v>1721</v>
      </c>
      <c r="C99" s="179">
        <f>SUM(C100:C148)</f>
        <v>1.0000000000000002</v>
      </c>
      <c r="D99" s="179">
        <f>SUM(D100:D148)</f>
        <v>0</v>
      </c>
      <c r="E99" s="179"/>
      <c r="F99" s="179">
        <f>SUM(F100:F148)</f>
        <v>1.0000000000000002</v>
      </c>
      <c r="G99" s="51"/>
    </row>
    <row r="100" spans="1:7" x14ac:dyDescent="0.3">
      <c r="A100" s="51" t="s">
        <v>572</v>
      </c>
      <c r="B100" s="68" t="s">
        <v>1760</v>
      </c>
      <c r="C100" s="120">
        <v>0.34360826581436832</v>
      </c>
      <c r="D100" s="120">
        <v>0</v>
      </c>
      <c r="E100" s="120"/>
      <c r="F100" s="120">
        <f>+SUM(C100:D100)</f>
        <v>0.34360826581436832</v>
      </c>
      <c r="G100" s="51"/>
    </row>
    <row r="101" spans="1:7" x14ac:dyDescent="0.3">
      <c r="A101" s="51" t="s">
        <v>573</v>
      </c>
      <c r="B101" s="68" t="s">
        <v>1761</v>
      </c>
      <c r="C101" s="120">
        <v>0.16892143480227781</v>
      </c>
      <c r="D101" s="120">
        <v>0</v>
      </c>
      <c r="E101" s="120"/>
      <c r="F101" s="120">
        <f t="shared" ref="F101:F106" si="2">+SUM(C101:D101)</f>
        <v>0.16892143480227781</v>
      </c>
      <c r="G101" s="51"/>
    </row>
    <row r="102" spans="1:7" x14ac:dyDescent="0.3">
      <c r="A102" s="51" t="s">
        <v>574</v>
      </c>
      <c r="B102" s="68" t="s">
        <v>1762</v>
      </c>
      <c r="C102" s="120">
        <v>0.33693353382904012</v>
      </c>
      <c r="D102" s="120">
        <v>0</v>
      </c>
      <c r="E102" s="120"/>
      <c r="F102" s="120">
        <f t="shared" si="2"/>
        <v>0.33693353382904012</v>
      </c>
      <c r="G102" s="51"/>
    </row>
    <row r="103" spans="1:7" x14ac:dyDescent="0.3">
      <c r="A103" s="51" t="s">
        <v>575</v>
      </c>
      <c r="B103" s="68" t="s">
        <v>1763</v>
      </c>
      <c r="C103" s="120">
        <v>4.5790684764343399E-2</v>
      </c>
      <c r="D103" s="120">
        <v>0</v>
      </c>
      <c r="E103" s="120"/>
      <c r="F103" s="120">
        <f t="shared" si="2"/>
        <v>4.5790684764343399E-2</v>
      </c>
      <c r="G103" s="51"/>
    </row>
    <row r="104" spans="1:7" x14ac:dyDescent="0.3">
      <c r="A104" s="51" t="s">
        <v>576</v>
      </c>
      <c r="B104" s="68" t="s">
        <v>1764</v>
      </c>
      <c r="C104" s="120">
        <v>6.1157214979518551E-2</v>
      </c>
      <c r="D104" s="120">
        <v>0</v>
      </c>
      <c r="E104" s="120"/>
      <c r="F104" s="120">
        <f t="shared" si="2"/>
        <v>6.1157214979518551E-2</v>
      </c>
      <c r="G104" s="51"/>
    </row>
    <row r="105" spans="1:7" x14ac:dyDescent="0.3">
      <c r="A105" s="51" t="s">
        <v>577</v>
      </c>
      <c r="B105" s="68" t="s">
        <v>1765</v>
      </c>
      <c r="C105" s="120">
        <v>2.6047451521345539E-2</v>
      </c>
      <c r="D105" s="120">
        <v>0</v>
      </c>
      <c r="E105" s="120"/>
      <c r="F105" s="120">
        <f t="shared" si="2"/>
        <v>2.6047451521345539E-2</v>
      </c>
      <c r="G105" s="51"/>
    </row>
    <row r="106" spans="1:7" x14ac:dyDescent="0.3">
      <c r="A106" s="51" t="s">
        <v>578</v>
      </c>
      <c r="B106" s="68" t="s">
        <v>1766</v>
      </c>
      <c r="C106" s="120">
        <v>1.7541414289106317E-2</v>
      </c>
      <c r="D106" s="120">
        <v>0</v>
      </c>
      <c r="E106" s="120"/>
      <c r="F106" s="120">
        <f t="shared" si="2"/>
        <v>1.7541414289106317E-2</v>
      </c>
      <c r="G106" s="51"/>
    </row>
    <row r="107" spans="1:7" x14ac:dyDescent="0.3">
      <c r="A107" s="51" t="s">
        <v>579</v>
      </c>
      <c r="B107" s="68" t="s">
        <v>571</v>
      </c>
      <c r="C107" s="120" t="s">
        <v>79</v>
      </c>
      <c r="D107" s="120" t="s">
        <v>79</v>
      </c>
      <c r="E107" s="120"/>
      <c r="F107" s="120" t="s">
        <v>79</v>
      </c>
      <c r="G107" s="51"/>
    </row>
    <row r="108" spans="1:7" x14ac:dyDescent="0.3">
      <c r="A108" s="51" t="s">
        <v>580</v>
      </c>
      <c r="B108" s="68" t="s">
        <v>571</v>
      </c>
      <c r="C108" s="120" t="s">
        <v>79</v>
      </c>
      <c r="D108" s="120" t="s">
        <v>79</v>
      </c>
      <c r="E108" s="120"/>
      <c r="F108" s="120" t="s">
        <v>79</v>
      </c>
      <c r="G108" s="51"/>
    </row>
    <row r="109" spans="1:7" x14ac:dyDescent="0.3">
      <c r="A109" s="51" t="s">
        <v>581</v>
      </c>
      <c r="B109" s="68" t="s">
        <v>571</v>
      </c>
      <c r="C109" s="120" t="s">
        <v>79</v>
      </c>
      <c r="D109" s="120" t="s">
        <v>79</v>
      </c>
      <c r="E109" s="120"/>
      <c r="F109" s="120" t="s">
        <v>79</v>
      </c>
      <c r="G109" s="51"/>
    </row>
    <row r="110" spans="1:7" x14ac:dyDescent="0.3">
      <c r="A110" s="51" t="s">
        <v>582</v>
      </c>
      <c r="B110" s="68" t="s">
        <v>571</v>
      </c>
      <c r="C110" s="120" t="s">
        <v>79</v>
      </c>
      <c r="D110" s="120" t="s">
        <v>79</v>
      </c>
      <c r="E110" s="120"/>
      <c r="F110" s="120" t="s">
        <v>79</v>
      </c>
      <c r="G110" s="51"/>
    </row>
    <row r="111" spans="1:7" x14ac:dyDescent="0.3">
      <c r="A111" s="51" t="s">
        <v>583</v>
      </c>
      <c r="B111" s="68" t="s">
        <v>571</v>
      </c>
      <c r="C111" s="120" t="s">
        <v>79</v>
      </c>
      <c r="D111" s="120" t="s">
        <v>79</v>
      </c>
      <c r="E111" s="120"/>
      <c r="F111" s="120" t="s">
        <v>79</v>
      </c>
      <c r="G111" s="51"/>
    </row>
    <row r="112" spans="1:7" x14ac:dyDescent="0.3">
      <c r="A112" s="51" t="s">
        <v>584</v>
      </c>
      <c r="B112" s="68" t="s">
        <v>571</v>
      </c>
      <c r="C112" s="120" t="s">
        <v>79</v>
      </c>
      <c r="D112" s="120" t="s">
        <v>79</v>
      </c>
      <c r="E112" s="120"/>
      <c r="F112" s="120" t="s">
        <v>79</v>
      </c>
      <c r="G112" s="51"/>
    </row>
    <row r="113" spans="1:7" x14ac:dyDescent="0.3">
      <c r="A113" s="51" t="s">
        <v>585</v>
      </c>
      <c r="B113" s="68" t="s">
        <v>571</v>
      </c>
      <c r="C113" s="120" t="s">
        <v>79</v>
      </c>
      <c r="D113" s="120" t="s">
        <v>79</v>
      </c>
      <c r="E113" s="120"/>
      <c r="F113" s="120" t="s">
        <v>79</v>
      </c>
      <c r="G113" s="51"/>
    </row>
    <row r="114" spans="1:7" x14ac:dyDescent="0.3">
      <c r="A114" s="51" t="s">
        <v>586</v>
      </c>
      <c r="B114" s="68" t="s">
        <v>571</v>
      </c>
      <c r="C114" s="120" t="s">
        <v>79</v>
      </c>
      <c r="D114" s="120" t="s">
        <v>79</v>
      </c>
      <c r="E114" s="120"/>
      <c r="F114" s="120" t="s">
        <v>79</v>
      </c>
      <c r="G114" s="51"/>
    </row>
    <row r="115" spans="1:7" x14ac:dyDescent="0.3">
      <c r="A115" s="51" t="s">
        <v>587</v>
      </c>
      <c r="B115" s="68" t="s">
        <v>571</v>
      </c>
      <c r="C115" s="120" t="s">
        <v>79</v>
      </c>
      <c r="D115" s="120" t="s">
        <v>79</v>
      </c>
      <c r="E115" s="120"/>
      <c r="F115" s="120" t="s">
        <v>79</v>
      </c>
      <c r="G115" s="51"/>
    </row>
    <row r="116" spans="1:7" x14ac:dyDescent="0.3">
      <c r="A116" s="51" t="s">
        <v>588</v>
      </c>
      <c r="B116" s="68" t="s">
        <v>571</v>
      </c>
      <c r="C116" s="120" t="s">
        <v>79</v>
      </c>
      <c r="D116" s="120" t="s">
        <v>79</v>
      </c>
      <c r="E116" s="120"/>
      <c r="F116" s="120" t="s">
        <v>79</v>
      </c>
      <c r="G116" s="51"/>
    </row>
    <row r="117" spans="1:7" x14ac:dyDescent="0.3">
      <c r="A117" s="51" t="s">
        <v>589</v>
      </c>
      <c r="B117" s="68" t="s">
        <v>571</v>
      </c>
      <c r="C117" s="120" t="s">
        <v>79</v>
      </c>
      <c r="D117" s="120" t="s">
        <v>79</v>
      </c>
      <c r="E117" s="120"/>
      <c r="F117" s="120" t="s">
        <v>79</v>
      </c>
      <c r="G117" s="51"/>
    </row>
    <row r="118" spans="1:7" x14ac:dyDescent="0.3">
      <c r="A118" s="51" t="s">
        <v>590</v>
      </c>
      <c r="B118" s="68" t="s">
        <v>571</v>
      </c>
      <c r="C118" s="120" t="s">
        <v>79</v>
      </c>
      <c r="D118" s="120" t="s">
        <v>79</v>
      </c>
      <c r="E118" s="120"/>
      <c r="F118" s="120" t="s">
        <v>79</v>
      </c>
      <c r="G118" s="51"/>
    </row>
    <row r="119" spans="1:7" x14ac:dyDescent="0.3">
      <c r="A119" s="51" t="s">
        <v>591</v>
      </c>
      <c r="B119" s="68" t="s">
        <v>571</v>
      </c>
      <c r="C119" s="120" t="s">
        <v>79</v>
      </c>
      <c r="D119" s="120" t="s">
        <v>79</v>
      </c>
      <c r="E119" s="120"/>
      <c r="F119" s="120" t="s">
        <v>79</v>
      </c>
      <c r="G119" s="51"/>
    </row>
    <row r="120" spans="1:7" x14ac:dyDescent="0.3">
      <c r="A120" s="51" t="s">
        <v>592</v>
      </c>
      <c r="B120" s="68" t="s">
        <v>571</v>
      </c>
      <c r="C120" s="120" t="s">
        <v>79</v>
      </c>
      <c r="D120" s="120" t="s">
        <v>79</v>
      </c>
      <c r="E120" s="120"/>
      <c r="F120" s="120" t="s">
        <v>79</v>
      </c>
      <c r="G120" s="51"/>
    </row>
    <row r="121" spans="1:7" x14ac:dyDescent="0.3">
      <c r="A121" s="51" t="s">
        <v>593</v>
      </c>
      <c r="B121" s="68" t="s">
        <v>571</v>
      </c>
      <c r="C121" s="120" t="s">
        <v>79</v>
      </c>
      <c r="D121" s="120" t="s">
        <v>79</v>
      </c>
      <c r="E121" s="120"/>
      <c r="F121" s="120" t="s">
        <v>79</v>
      </c>
      <c r="G121" s="51"/>
    </row>
    <row r="122" spans="1:7" x14ac:dyDescent="0.3">
      <c r="A122" s="51" t="s">
        <v>594</v>
      </c>
      <c r="B122" s="68" t="s">
        <v>571</v>
      </c>
      <c r="C122" s="120" t="s">
        <v>79</v>
      </c>
      <c r="D122" s="120" t="s">
        <v>79</v>
      </c>
      <c r="E122" s="120"/>
      <c r="F122" s="120" t="s">
        <v>79</v>
      </c>
      <c r="G122" s="51"/>
    </row>
    <row r="123" spans="1:7" x14ac:dyDescent="0.3">
      <c r="A123" s="51" t="s">
        <v>595</v>
      </c>
      <c r="B123" s="68" t="s">
        <v>571</v>
      </c>
      <c r="C123" s="120" t="s">
        <v>79</v>
      </c>
      <c r="D123" s="120" t="s">
        <v>79</v>
      </c>
      <c r="E123" s="120"/>
      <c r="F123" s="120" t="s">
        <v>79</v>
      </c>
      <c r="G123" s="51"/>
    </row>
    <row r="124" spans="1:7" x14ac:dyDescent="0.3">
      <c r="A124" s="51" t="s">
        <v>596</v>
      </c>
      <c r="B124" s="68" t="s">
        <v>571</v>
      </c>
      <c r="C124" s="120" t="s">
        <v>79</v>
      </c>
      <c r="D124" s="120" t="s">
        <v>79</v>
      </c>
      <c r="E124" s="120"/>
      <c r="F124" s="120" t="s">
        <v>79</v>
      </c>
      <c r="G124" s="51"/>
    </row>
    <row r="125" spans="1:7" x14ac:dyDescent="0.3">
      <c r="A125" s="51" t="s">
        <v>597</v>
      </c>
      <c r="B125" s="68" t="s">
        <v>571</v>
      </c>
      <c r="C125" s="120" t="s">
        <v>79</v>
      </c>
      <c r="D125" s="120" t="s">
        <v>79</v>
      </c>
      <c r="E125" s="120"/>
      <c r="F125" s="120" t="s">
        <v>79</v>
      </c>
      <c r="G125" s="51"/>
    </row>
    <row r="126" spans="1:7" x14ac:dyDescent="0.3">
      <c r="A126" s="51" t="s">
        <v>598</v>
      </c>
      <c r="B126" s="68" t="s">
        <v>571</v>
      </c>
      <c r="C126" s="120" t="s">
        <v>79</v>
      </c>
      <c r="D126" s="120" t="s">
        <v>79</v>
      </c>
      <c r="E126" s="120"/>
      <c r="F126" s="120" t="s">
        <v>79</v>
      </c>
      <c r="G126" s="51"/>
    </row>
    <row r="127" spans="1:7" x14ac:dyDescent="0.3">
      <c r="A127" s="51" t="s">
        <v>599</v>
      </c>
      <c r="B127" s="68" t="s">
        <v>571</v>
      </c>
      <c r="C127" s="120" t="s">
        <v>79</v>
      </c>
      <c r="D127" s="120" t="s">
        <v>79</v>
      </c>
      <c r="E127" s="120"/>
      <c r="F127" s="120" t="s">
        <v>79</v>
      </c>
      <c r="G127" s="51"/>
    </row>
    <row r="128" spans="1:7" x14ac:dyDescent="0.3">
      <c r="A128" s="51" t="s">
        <v>600</v>
      </c>
      <c r="B128" s="68" t="s">
        <v>571</v>
      </c>
      <c r="C128" s="120" t="s">
        <v>79</v>
      </c>
      <c r="D128" s="120" t="s">
        <v>79</v>
      </c>
      <c r="E128" s="120"/>
      <c r="F128" s="120" t="s">
        <v>79</v>
      </c>
      <c r="G128" s="51"/>
    </row>
    <row r="129" spans="1:7" x14ac:dyDescent="0.3">
      <c r="A129" s="51" t="s">
        <v>601</v>
      </c>
      <c r="B129" s="68" t="s">
        <v>571</v>
      </c>
      <c r="C129" s="120" t="s">
        <v>79</v>
      </c>
      <c r="D129" s="120" t="s">
        <v>79</v>
      </c>
      <c r="E129" s="120"/>
      <c r="F129" s="120" t="s">
        <v>79</v>
      </c>
      <c r="G129" s="51"/>
    </row>
    <row r="130" spans="1:7" x14ac:dyDescent="0.3">
      <c r="A130" s="51" t="s">
        <v>1105</v>
      </c>
      <c r="B130" s="68" t="s">
        <v>571</v>
      </c>
      <c r="C130" s="120" t="s">
        <v>79</v>
      </c>
      <c r="D130" s="120" t="s">
        <v>79</v>
      </c>
      <c r="E130" s="120"/>
      <c r="F130" s="120" t="s">
        <v>79</v>
      </c>
      <c r="G130" s="51"/>
    </row>
    <row r="131" spans="1:7" x14ac:dyDescent="0.3">
      <c r="A131" s="51" t="s">
        <v>1106</v>
      </c>
      <c r="B131" s="68" t="s">
        <v>571</v>
      </c>
      <c r="C131" s="120" t="s">
        <v>79</v>
      </c>
      <c r="D131" s="120" t="s">
        <v>79</v>
      </c>
      <c r="E131" s="120"/>
      <c r="F131" s="120" t="s">
        <v>79</v>
      </c>
      <c r="G131" s="51"/>
    </row>
    <row r="132" spans="1:7" x14ac:dyDescent="0.3">
      <c r="A132" s="51" t="s">
        <v>1107</v>
      </c>
      <c r="B132" s="68" t="s">
        <v>571</v>
      </c>
      <c r="C132" s="120" t="s">
        <v>79</v>
      </c>
      <c r="D132" s="120" t="s">
        <v>79</v>
      </c>
      <c r="E132" s="120"/>
      <c r="F132" s="120" t="s">
        <v>79</v>
      </c>
      <c r="G132" s="51"/>
    </row>
    <row r="133" spans="1:7" x14ac:dyDescent="0.3">
      <c r="A133" s="51" t="s">
        <v>1108</v>
      </c>
      <c r="B133" s="68" t="s">
        <v>571</v>
      </c>
      <c r="C133" s="120" t="s">
        <v>79</v>
      </c>
      <c r="D133" s="120" t="s">
        <v>79</v>
      </c>
      <c r="E133" s="120"/>
      <c r="F133" s="120" t="s">
        <v>79</v>
      </c>
      <c r="G133" s="51"/>
    </row>
    <row r="134" spans="1:7" x14ac:dyDescent="0.3">
      <c r="A134" s="51" t="s">
        <v>1109</v>
      </c>
      <c r="B134" s="68" t="s">
        <v>571</v>
      </c>
      <c r="C134" s="120" t="s">
        <v>79</v>
      </c>
      <c r="D134" s="120" t="s">
        <v>79</v>
      </c>
      <c r="E134" s="120"/>
      <c r="F134" s="120" t="s">
        <v>79</v>
      </c>
      <c r="G134" s="51"/>
    </row>
    <row r="135" spans="1:7" x14ac:dyDescent="0.3">
      <c r="A135" s="51" t="s">
        <v>1110</v>
      </c>
      <c r="B135" s="68" t="s">
        <v>571</v>
      </c>
      <c r="C135" s="120" t="s">
        <v>79</v>
      </c>
      <c r="D135" s="120" t="s">
        <v>79</v>
      </c>
      <c r="E135" s="120"/>
      <c r="F135" s="120" t="s">
        <v>79</v>
      </c>
      <c r="G135" s="51"/>
    </row>
    <row r="136" spans="1:7" x14ac:dyDescent="0.3">
      <c r="A136" s="51" t="s">
        <v>1111</v>
      </c>
      <c r="B136" s="68" t="s">
        <v>571</v>
      </c>
      <c r="C136" s="120" t="s">
        <v>79</v>
      </c>
      <c r="D136" s="120" t="s">
        <v>79</v>
      </c>
      <c r="E136" s="120"/>
      <c r="F136" s="120" t="s">
        <v>79</v>
      </c>
      <c r="G136" s="51"/>
    </row>
    <row r="137" spans="1:7" x14ac:dyDescent="0.3">
      <c r="A137" s="51" t="s">
        <v>1112</v>
      </c>
      <c r="B137" s="68" t="s">
        <v>571</v>
      </c>
      <c r="C137" s="120" t="s">
        <v>79</v>
      </c>
      <c r="D137" s="120" t="s">
        <v>79</v>
      </c>
      <c r="E137" s="120"/>
      <c r="F137" s="120" t="s">
        <v>79</v>
      </c>
      <c r="G137" s="51"/>
    </row>
    <row r="138" spans="1:7" x14ac:dyDescent="0.3">
      <c r="A138" s="51" t="s">
        <v>1113</v>
      </c>
      <c r="B138" s="68" t="s">
        <v>571</v>
      </c>
      <c r="C138" s="120" t="s">
        <v>79</v>
      </c>
      <c r="D138" s="120" t="s">
        <v>79</v>
      </c>
      <c r="E138" s="120"/>
      <c r="F138" s="120" t="s">
        <v>79</v>
      </c>
      <c r="G138" s="51"/>
    </row>
    <row r="139" spans="1:7" x14ac:dyDescent="0.3">
      <c r="A139" s="51" t="s">
        <v>1114</v>
      </c>
      <c r="B139" s="68" t="s">
        <v>571</v>
      </c>
      <c r="C139" s="120" t="s">
        <v>79</v>
      </c>
      <c r="D139" s="120" t="s">
        <v>79</v>
      </c>
      <c r="E139" s="120"/>
      <c r="F139" s="120" t="s">
        <v>79</v>
      </c>
      <c r="G139" s="51"/>
    </row>
    <row r="140" spans="1:7" x14ac:dyDescent="0.3">
      <c r="A140" s="51" t="s">
        <v>1115</v>
      </c>
      <c r="B140" s="68" t="s">
        <v>571</v>
      </c>
      <c r="C140" s="120" t="s">
        <v>79</v>
      </c>
      <c r="D140" s="120" t="s">
        <v>79</v>
      </c>
      <c r="E140" s="120"/>
      <c r="F140" s="120" t="s">
        <v>79</v>
      </c>
      <c r="G140" s="51"/>
    </row>
    <row r="141" spans="1:7" x14ac:dyDescent="0.3">
      <c r="A141" s="51" t="s">
        <v>1116</v>
      </c>
      <c r="B141" s="68" t="s">
        <v>571</v>
      </c>
      <c r="C141" s="120" t="s">
        <v>79</v>
      </c>
      <c r="D141" s="120" t="s">
        <v>79</v>
      </c>
      <c r="E141" s="120"/>
      <c r="F141" s="120" t="s">
        <v>79</v>
      </c>
      <c r="G141" s="51"/>
    </row>
    <row r="142" spans="1:7" x14ac:dyDescent="0.3">
      <c r="A142" s="51" t="s">
        <v>1117</v>
      </c>
      <c r="B142" s="68" t="s">
        <v>571</v>
      </c>
      <c r="C142" s="120" t="s">
        <v>79</v>
      </c>
      <c r="D142" s="120" t="s">
        <v>79</v>
      </c>
      <c r="E142" s="120"/>
      <c r="F142" s="120" t="s">
        <v>79</v>
      </c>
      <c r="G142" s="51"/>
    </row>
    <row r="143" spans="1:7" x14ac:dyDescent="0.3">
      <c r="A143" s="51" t="s">
        <v>1118</v>
      </c>
      <c r="B143" s="68" t="s">
        <v>571</v>
      </c>
      <c r="C143" s="120" t="s">
        <v>79</v>
      </c>
      <c r="D143" s="120" t="s">
        <v>79</v>
      </c>
      <c r="E143" s="120"/>
      <c r="F143" s="120" t="s">
        <v>79</v>
      </c>
      <c r="G143" s="51"/>
    </row>
    <row r="144" spans="1:7" x14ac:dyDescent="0.3">
      <c r="A144" s="51" t="s">
        <v>1119</v>
      </c>
      <c r="B144" s="68" t="s">
        <v>571</v>
      </c>
      <c r="C144" s="120" t="s">
        <v>79</v>
      </c>
      <c r="D144" s="120" t="s">
        <v>79</v>
      </c>
      <c r="E144" s="120"/>
      <c r="F144" s="120" t="s">
        <v>79</v>
      </c>
      <c r="G144" s="51"/>
    </row>
    <row r="145" spans="1:7" x14ac:dyDescent="0.3">
      <c r="A145" s="51" t="s">
        <v>1120</v>
      </c>
      <c r="B145" s="68" t="s">
        <v>571</v>
      </c>
      <c r="C145" s="120" t="s">
        <v>79</v>
      </c>
      <c r="D145" s="120" t="s">
        <v>79</v>
      </c>
      <c r="E145" s="120"/>
      <c r="F145" s="120" t="s">
        <v>79</v>
      </c>
      <c r="G145" s="51"/>
    </row>
    <row r="146" spans="1:7" x14ac:dyDescent="0.3">
      <c r="A146" s="51" t="s">
        <v>1121</v>
      </c>
      <c r="B146" s="68" t="s">
        <v>571</v>
      </c>
      <c r="C146" s="120" t="s">
        <v>79</v>
      </c>
      <c r="D146" s="120" t="s">
        <v>79</v>
      </c>
      <c r="E146" s="120"/>
      <c r="F146" s="120" t="s">
        <v>79</v>
      </c>
      <c r="G146" s="51"/>
    </row>
    <row r="147" spans="1:7" x14ac:dyDescent="0.3">
      <c r="A147" s="51" t="s">
        <v>1122</v>
      </c>
      <c r="B147" s="68" t="s">
        <v>571</v>
      </c>
      <c r="C147" s="120" t="s">
        <v>79</v>
      </c>
      <c r="D147" s="120" t="s">
        <v>79</v>
      </c>
      <c r="E147" s="120"/>
      <c r="F147" s="120" t="s">
        <v>79</v>
      </c>
      <c r="G147" s="51"/>
    </row>
    <row r="148" spans="1:7" x14ac:dyDescent="0.3">
      <c r="A148" s="51" t="s">
        <v>1123</v>
      </c>
      <c r="B148" s="68" t="s">
        <v>571</v>
      </c>
      <c r="C148" s="120" t="s">
        <v>79</v>
      </c>
      <c r="D148" s="120" t="s">
        <v>79</v>
      </c>
      <c r="E148" s="120"/>
      <c r="F148" s="120" t="s">
        <v>79</v>
      </c>
      <c r="G148" s="51"/>
    </row>
    <row r="149" spans="1:7" ht="15" customHeight="1" x14ac:dyDescent="0.3">
      <c r="A149" s="70"/>
      <c r="B149" s="71" t="s">
        <v>602</v>
      </c>
      <c r="C149" s="70" t="s">
        <v>478</v>
      </c>
      <c r="D149" s="70" t="s">
        <v>479</v>
      </c>
      <c r="E149" s="72"/>
      <c r="F149" s="73" t="s">
        <v>446</v>
      </c>
      <c r="G149" s="73"/>
    </row>
    <row r="150" spans="1:7" x14ac:dyDescent="0.3">
      <c r="A150" s="51" t="s">
        <v>603</v>
      </c>
      <c r="B150" s="51" t="s">
        <v>604</v>
      </c>
      <c r="C150" s="120">
        <v>1.3481292306744034E-2</v>
      </c>
      <c r="D150" s="120">
        <v>0</v>
      </c>
      <c r="E150" s="121"/>
      <c r="F150" s="120">
        <f>+SUM(C150:D150)</f>
        <v>1.3481292306744034E-2</v>
      </c>
    </row>
    <row r="151" spans="1:7" x14ac:dyDescent="0.3">
      <c r="A151" s="51" t="s">
        <v>605</v>
      </c>
      <c r="B151" s="51" t="s">
        <v>606</v>
      </c>
      <c r="C151" s="120">
        <v>0.986518707693256</v>
      </c>
      <c r="D151" s="120">
        <v>0</v>
      </c>
      <c r="E151" s="121"/>
      <c r="F151" s="120">
        <f t="shared" ref="F151:F152" si="3">+SUM(C151:D151)</f>
        <v>0.986518707693256</v>
      </c>
    </row>
    <row r="152" spans="1:7" x14ac:dyDescent="0.3">
      <c r="A152" s="51" t="s">
        <v>607</v>
      </c>
      <c r="B152" s="51" t="s">
        <v>135</v>
      </c>
      <c r="C152" s="120">
        <v>0</v>
      </c>
      <c r="D152" s="120">
        <v>0</v>
      </c>
      <c r="E152" s="121"/>
      <c r="F152" s="120">
        <f t="shared" si="3"/>
        <v>0</v>
      </c>
    </row>
    <row r="153" spans="1:7" outlineLevel="1" x14ac:dyDescent="0.3">
      <c r="A153" s="51" t="s">
        <v>608</v>
      </c>
      <c r="C153" s="120"/>
      <c r="D153" s="120"/>
      <c r="E153" s="121"/>
      <c r="F153" s="120"/>
    </row>
    <row r="154" spans="1:7" outlineLevel="1" x14ac:dyDescent="0.3">
      <c r="A154" s="51" t="s">
        <v>609</v>
      </c>
      <c r="C154" s="120"/>
      <c r="D154" s="120"/>
      <c r="E154" s="121"/>
      <c r="F154" s="120"/>
    </row>
    <row r="155" spans="1:7" outlineLevel="1" x14ac:dyDescent="0.3">
      <c r="A155" s="51" t="s">
        <v>610</v>
      </c>
      <c r="C155" s="120"/>
      <c r="D155" s="120"/>
      <c r="E155" s="121"/>
      <c r="F155" s="120"/>
    </row>
    <row r="156" spans="1:7" outlineLevel="1" x14ac:dyDescent="0.3">
      <c r="A156" s="51" t="s">
        <v>611</v>
      </c>
      <c r="C156" s="120"/>
      <c r="D156" s="120"/>
      <c r="E156" s="121"/>
      <c r="F156" s="120"/>
    </row>
    <row r="157" spans="1:7" outlineLevel="1" x14ac:dyDescent="0.3">
      <c r="A157" s="51" t="s">
        <v>612</v>
      </c>
      <c r="C157" s="120"/>
      <c r="D157" s="120"/>
      <c r="E157" s="121"/>
      <c r="F157" s="120"/>
    </row>
    <row r="158" spans="1:7" outlineLevel="1" x14ac:dyDescent="0.3">
      <c r="A158" s="51" t="s">
        <v>613</v>
      </c>
      <c r="C158" s="120"/>
      <c r="D158" s="120"/>
      <c r="E158" s="121"/>
      <c r="F158" s="120"/>
    </row>
    <row r="159" spans="1:7" ht="15" customHeight="1" x14ac:dyDescent="0.3">
      <c r="A159" s="70"/>
      <c r="B159" s="71" t="s">
        <v>614</v>
      </c>
      <c r="C159" s="70" t="s">
        <v>478</v>
      </c>
      <c r="D159" s="70" t="s">
        <v>479</v>
      </c>
      <c r="E159" s="72"/>
      <c r="F159" s="73" t="s">
        <v>446</v>
      </c>
      <c r="G159" s="73"/>
    </row>
    <row r="160" spans="1:7" x14ac:dyDescent="0.3">
      <c r="A160" s="51" t="s">
        <v>615</v>
      </c>
      <c r="B160" s="51" t="s">
        <v>616</v>
      </c>
      <c r="C160" s="120">
        <v>1.833647693955184E-2</v>
      </c>
      <c r="D160" s="120">
        <v>0</v>
      </c>
      <c r="E160" s="121"/>
      <c r="F160" s="120">
        <f>+SUM(C160:D160)</f>
        <v>1.833647693955184E-2</v>
      </c>
    </row>
    <row r="161" spans="1:7" x14ac:dyDescent="0.3">
      <c r="A161" s="51" t="s">
        <v>617</v>
      </c>
      <c r="B161" s="51" t="s">
        <v>618</v>
      </c>
      <c r="C161" s="120">
        <f>100%-C160</f>
        <v>0.98166352306044813</v>
      </c>
      <c r="D161" s="120">
        <v>0</v>
      </c>
      <c r="E161" s="121"/>
      <c r="F161" s="120">
        <f t="shared" ref="F161:F162" si="4">+SUM(C161:D161)</f>
        <v>0.98166352306044813</v>
      </c>
    </row>
    <row r="162" spans="1:7" x14ac:dyDescent="0.3">
      <c r="A162" s="51" t="s">
        <v>619</v>
      </c>
      <c r="B162" s="51" t="s">
        <v>135</v>
      </c>
      <c r="C162" s="120">
        <v>0</v>
      </c>
      <c r="D162" s="120">
        <v>0</v>
      </c>
      <c r="E162" s="121"/>
      <c r="F162" s="120">
        <f t="shared" si="4"/>
        <v>0</v>
      </c>
    </row>
    <row r="163" spans="1:7" outlineLevel="1" x14ac:dyDescent="0.3">
      <c r="A163" s="51" t="s">
        <v>620</v>
      </c>
      <c r="E163" s="49"/>
    </row>
    <row r="164" spans="1:7" outlineLevel="1" x14ac:dyDescent="0.3">
      <c r="A164" s="51" t="s">
        <v>621</v>
      </c>
      <c r="E164" s="49"/>
    </row>
    <row r="165" spans="1:7" outlineLevel="1" x14ac:dyDescent="0.3">
      <c r="A165" s="51" t="s">
        <v>622</v>
      </c>
      <c r="E165" s="49"/>
    </row>
    <row r="166" spans="1:7" outlineLevel="1" x14ac:dyDescent="0.3">
      <c r="A166" s="51" t="s">
        <v>623</v>
      </c>
      <c r="E166" s="49"/>
    </row>
    <row r="167" spans="1:7" outlineLevel="1" x14ac:dyDescent="0.3">
      <c r="A167" s="51" t="s">
        <v>624</v>
      </c>
      <c r="E167" s="49"/>
    </row>
    <row r="168" spans="1:7" outlineLevel="1" x14ac:dyDescent="0.3">
      <c r="A168" s="51" t="s">
        <v>625</v>
      </c>
      <c r="E168" s="49"/>
    </row>
    <row r="169" spans="1:7" ht="15" customHeight="1" x14ac:dyDescent="0.3">
      <c r="A169" s="70"/>
      <c r="B169" s="71" t="s">
        <v>626</v>
      </c>
      <c r="C169" s="70" t="s">
        <v>478</v>
      </c>
      <c r="D169" s="70" t="s">
        <v>479</v>
      </c>
      <c r="E169" s="72"/>
      <c r="F169" s="73" t="s">
        <v>446</v>
      </c>
      <c r="G169" s="73"/>
    </row>
    <row r="170" spans="1:7" x14ac:dyDescent="0.3">
      <c r="A170" s="51" t="s">
        <v>627</v>
      </c>
      <c r="B170" s="47" t="s">
        <v>628</v>
      </c>
      <c r="C170" s="120">
        <v>0.115673795860815</v>
      </c>
      <c r="D170" s="120">
        <v>0</v>
      </c>
      <c r="E170" s="121"/>
      <c r="F170" s="120">
        <f t="shared" ref="F170:F174" si="5">+SUM(C170:D170)</f>
        <v>0.115673795860815</v>
      </c>
    </row>
    <row r="171" spans="1:7" x14ac:dyDescent="0.3">
      <c r="A171" s="51" t="s">
        <v>629</v>
      </c>
      <c r="B171" s="47" t="s">
        <v>1709</v>
      </c>
      <c r="C171" s="120">
        <v>0.14796855879477111</v>
      </c>
      <c r="D171" s="120">
        <v>0</v>
      </c>
      <c r="E171" s="121"/>
      <c r="F171" s="120">
        <f t="shared" si="5"/>
        <v>0.14796855879477111</v>
      </c>
    </row>
    <row r="172" spans="1:7" x14ac:dyDescent="0.3">
      <c r="A172" s="51" t="s">
        <v>630</v>
      </c>
      <c r="B172" s="47" t="s">
        <v>1710</v>
      </c>
      <c r="C172" s="120">
        <v>0.11192128727263216</v>
      </c>
      <c r="D172" s="120">
        <v>0</v>
      </c>
      <c r="E172" s="120"/>
      <c r="F172" s="120">
        <f t="shared" si="5"/>
        <v>0.11192128727263216</v>
      </c>
    </row>
    <row r="173" spans="1:7" x14ac:dyDescent="0.3">
      <c r="A173" s="51" t="s">
        <v>631</v>
      </c>
      <c r="B173" s="47" t="s">
        <v>1711</v>
      </c>
      <c r="C173" s="120">
        <v>0.18324830038108791</v>
      </c>
      <c r="D173" s="120">
        <v>0</v>
      </c>
      <c r="E173" s="120"/>
      <c r="F173" s="120">
        <f t="shared" si="5"/>
        <v>0.18324830038108791</v>
      </c>
    </row>
    <row r="174" spans="1:7" x14ac:dyDescent="0.3">
      <c r="A174" s="51" t="s">
        <v>632</v>
      </c>
      <c r="B174" s="47" t="s">
        <v>1712</v>
      </c>
      <c r="C174" s="120">
        <v>0.4411880576906938</v>
      </c>
      <c r="D174" s="120">
        <v>0</v>
      </c>
      <c r="E174" s="120"/>
      <c r="F174" s="120">
        <f t="shared" si="5"/>
        <v>0.4411880576906938</v>
      </c>
    </row>
    <row r="175" spans="1:7" outlineLevel="1" x14ac:dyDescent="0.3">
      <c r="A175" s="51" t="s">
        <v>633</v>
      </c>
      <c r="B175" s="66"/>
      <c r="C175" s="120"/>
      <c r="D175" s="120"/>
      <c r="E175" s="120"/>
      <c r="F175" s="120"/>
    </row>
    <row r="176" spans="1:7" outlineLevel="1" x14ac:dyDescent="0.3">
      <c r="A176" s="51" t="s">
        <v>634</v>
      </c>
      <c r="B176" s="66"/>
      <c r="C176" s="120"/>
      <c r="D176" s="120"/>
      <c r="E176" s="120"/>
      <c r="F176" s="120"/>
    </row>
    <row r="177" spans="1:7" outlineLevel="1" x14ac:dyDescent="0.3">
      <c r="A177" s="51" t="s">
        <v>635</v>
      </c>
      <c r="B177" s="47"/>
      <c r="C177" s="120"/>
      <c r="D177" s="120"/>
      <c r="E177" s="120"/>
      <c r="F177" s="120"/>
    </row>
    <row r="178" spans="1:7" outlineLevel="1" x14ac:dyDescent="0.3">
      <c r="A178" s="51" t="s">
        <v>636</v>
      </c>
      <c r="B178" s="47"/>
      <c r="C178" s="120"/>
      <c r="D178" s="120"/>
      <c r="E178" s="120"/>
      <c r="F178" s="120"/>
    </row>
    <row r="179" spans="1:7" ht="15" customHeight="1" x14ac:dyDescent="0.3">
      <c r="A179" s="70"/>
      <c r="B179" s="128" t="s">
        <v>637</v>
      </c>
      <c r="C179" s="70" t="s">
        <v>478</v>
      </c>
      <c r="D179" s="70" t="s">
        <v>479</v>
      </c>
      <c r="E179" s="70"/>
      <c r="F179" s="70" t="s">
        <v>446</v>
      </c>
      <c r="G179" s="73"/>
    </row>
    <row r="180" spans="1:7" x14ac:dyDescent="0.3">
      <c r="A180" s="51" t="s">
        <v>638</v>
      </c>
      <c r="B180" s="51" t="s">
        <v>639</v>
      </c>
      <c r="C180" s="147">
        <v>0</v>
      </c>
      <c r="D180" s="147">
        <v>0</v>
      </c>
      <c r="E180" s="121"/>
      <c r="F180" s="147">
        <f>+SUM(C180:D180)</f>
        <v>0</v>
      </c>
    </row>
    <row r="181" spans="1:7" outlineLevel="1" x14ac:dyDescent="0.3">
      <c r="A181" s="51" t="s">
        <v>1613</v>
      </c>
      <c r="B181" s="115" t="s">
        <v>1612</v>
      </c>
      <c r="C181" s="147">
        <v>0</v>
      </c>
      <c r="D181" s="147">
        <v>0</v>
      </c>
      <c r="E181" s="121"/>
      <c r="F181" s="147">
        <f>+SUM(C181:D181)</f>
        <v>0</v>
      </c>
    </row>
    <row r="182" spans="1:7" outlineLevel="1" x14ac:dyDescent="0.3">
      <c r="A182" s="51" t="s">
        <v>640</v>
      </c>
      <c r="B182" s="116"/>
      <c r="C182" s="120"/>
      <c r="D182" s="120"/>
      <c r="E182" s="121"/>
      <c r="F182" s="120"/>
    </row>
    <row r="183" spans="1:7" outlineLevel="1" x14ac:dyDescent="0.3">
      <c r="A183" s="51" t="s">
        <v>641</v>
      </c>
      <c r="B183" s="116"/>
      <c r="C183" s="120"/>
      <c r="D183" s="120"/>
      <c r="E183" s="121"/>
      <c r="F183" s="120"/>
    </row>
    <row r="184" spans="1:7" outlineLevel="1" x14ac:dyDescent="0.3">
      <c r="A184" s="51" t="s">
        <v>642</v>
      </c>
      <c r="B184" s="116"/>
      <c r="C184" s="120"/>
      <c r="D184" s="120"/>
      <c r="E184" s="121"/>
      <c r="F184" s="120"/>
    </row>
    <row r="185" spans="1:7" ht="18" x14ac:dyDescent="0.3">
      <c r="A185" s="117"/>
      <c r="B185" s="118" t="s">
        <v>443</v>
      </c>
      <c r="C185" s="117"/>
      <c r="D185" s="117"/>
      <c r="E185" s="117"/>
      <c r="F185" s="119"/>
      <c r="G185" s="119"/>
    </row>
    <row r="186" spans="1:7" ht="15" customHeight="1" x14ac:dyDescent="0.3">
      <c r="A186" s="70"/>
      <c r="B186" s="71" t="s">
        <v>643</v>
      </c>
      <c r="C186" s="70" t="s">
        <v>644</v>
      </c>
      <c r="D186" s="70" t="s">
        <v>645</v>
      </c>
      <c r="E186" s="72"/>
      <c r="F186" s="70" t="s">
        <v>478</v>
      </c>
      <c r="G186" s="70" t="s">
        <v>646</v>
      </c>
    </row>
    <row r="187" spans="1:7" x14ac:dyDescent="0.3">
      <c r="A187" s="51" t="s">
        <v>647</v>
      </c>
      <c r="B187" s="68" t="s">
        <v>648</v>
      </c>
      <c r="C187" s="123">
        <v>76.016532995503226</v>
      </c>
      <c r="E187" s="65"/>
      <c r="F187" s="82"/>
      <c r="G187" s="82"/>
    </row>
    <row r="188" spans="1:7" x14ac:dyDescent="0.3">
      <c r="A188" s="65"/>
      <c r="B188" s="93"/>
      <c r="C188" s="65"/>
      <c r="D188" s="65"/>
      <c r="E188" s="65"/>
      <c r="F188" s="82"/>
      <c r="G188" s="82"/>
    </row>
    <row r="189" spans="1:7" x14ac:dyDescent="0.3">
      <c r="B189" s="68" t="s">
        <v>649</v>
      </c>
      <c r="C189" s="65"/>
      <c r="D189" s="65"/>
      <c r="E189" s="65"/>
      <c r="F189" s="82"/>
      <c r="G189" s="82"/>
    </row>
    <row r="190" spans="1:7" x14ac:dyDescent="0.3">
      <c r="A190" s="51" t="s">
        <v>650</v>
      </c>
      <c r="B190" s="68" t="s">
        <v>1767</v>
      </c>
      <c r="C190" s="123">
        <v>113.5122457500003</v>
      </c>
      <c r="D190" s="124">
        <v>20391</v>
      </c>
      <c r="E190" s="65"/>
      <c r="F190" s="129">
        <f>IF($C$214=0,"",IF(C190="[for completion]","",IF(C190="","",C190/$C$214)))</f>
        <v>7.6857929393165381E-3</v>
      </c>
      <c r="G190" s="129">
        <f>IF($D$214=0,"",IF(D190="[for completion]","",IF(D190="","",D190/$D$214)))</f>
        <v>0.10495244173597958</v>
      </c>
    </row>
    <row r="191" spans="1:7" x14ac:dyDescent="0.3">
      <c r="A191" s="51" t="s">
        <v>651</v>
      </c>
      <c r="B191" s="68" t="s">
        <v>1768</v>
      </c>
      <c r="C191" s="123">
        <v>328.20355800999982</v>
      </c>
      <c r="D191" s="124">
        <v>21962</v>
      </c>
      <c r="E191" s="65"/>
      <c r="F191" s="129">
        <f t="shared" ref="F191:F213" si="6">IF($C$214=0,"",IF(C191="[for completion]","",IF(C191="","",C191/$C$214)))</f>
        <v>2.2222312422286082E-2</v>
      </c>
      <c r="G191" s="129">
        <f t="shared" ref="G191:G213" si="7">IF($D$214=0,"",IF(D191="[for completion]","",IF(D191="","",D191/$D$214)))</f>
        <v>0.11303837601910566</v>
      </c>
    </row>
    <row r="192" spans="1:7" x14ac:dyDescent="0.3">
      <c r="A192" s="51" t="s">
        <v>652</v>
      </c>
      <c r="B192" s="68" t="s">
        <v>1769</v>
      </c>
      <c r="C192" s="123">
        <v>6053.6253024999851</v>
      </c>
      <c r="D192" s="124">
        <v>44057</v>
      </c>
      <c r="E192" s="65"/>
      <c r="F192" s="129">
        <f t="shared" si="6"/>
        <v>0.40988450452908248</v>
      </c>
      <c r="G192" s="129">
        <f t="shared" si="7"/>
        <v>0.22676130280820225</v>
      </c>
    </row>
    <row r="193" spans="1:7" x14ac:dyDescent="0.3">
      <c r="A193" s="51" t="s">
        <v>653</v>
      </c>
      <c r="B193" s="68" t="s">
        <v>1770</v>
      </c>
      <c r="C193" s="123">
        <v>414.35608527999801</v>
      </c>
      <c r="D193" s="124">
        <v>16698</v>
      </c>
      <c r="E193" s="65"/>
      <c r="F193" s="129">
        <f t="shared" si="6"/>
        <v>2.8055608040931049E-2</v>
      </c>
      <c r="G193" s="129">
        <f t="shared" si="7"/>
        <v>8.5944577122622087E-2</v>
      </c>
    </row>
    <row r="194" spans="1:7" x14ac:dyDescent="0.3">
      <c r="A194" s="51" t="s">
        <v>654</v>
      </c>
      <c r="B194" s="68" t="s">
        <v>1771</v>
      </c>
      <c r="C194" s="123">
        <v>500.16437643999927</v>
      </c>
      <c r="D194" s="124">
        <v>14286</v>
      </c>
      <c r="E194" s="65"/>
      <c r="F194" s="129">
        <f t="shared" si="6"/>
        <v>3.3865595800179955E-2</v>
      </c>
      <c r="G194" s="129">
        <f t="shared" si="7"/>
        <v>7.3530017293914188E-2</v>
      </c>
    </row>
    <row r="195" spans="1:7" x14ac:dyDescent="0.3">
      <c r="A195" s="51" t="s">
        <v>655</v>
      </c>
      <c r="B195" s="68" t="s">
        <v>1772</v>
      </c>
      <c r="C195" s="123">
        <v>628.72946336000223</v>
      </c>
      <c r="D195" s="124">
        <v>13971</v>
      </c>
      <c r="E195" s="65"/>
      <c r="F195" s="129">
        <f t="shared" si="6"/>
        <v>4.2570600540096953E-2</v>
      </c>
      <c r="G195" s="129">
        <f t="shared" si="7"/>
        <v>7.1908712838672492E-2</v>
      </c>
    </row>
    <row r="196" spans="1:7" x14ac:dyDescent="0.3">
      <c r="A196" s="51" t="s">
        <v>656</v>
      </c>
      <c r="B196" s="68" t="s">
        <v>1773</v>
      </c>
      <c r="C196" s="123">
        <v>704.56099186999927</v>
      </c>
      <c r="D196" s="124">
        <v>12806</v>
      </c>
      <c r="E196" s="65"/>
      <c r="F196" s="129">
        <f t="shared" si="6"/>
        <v>4.7705072354559445E-2</v>
      </c>
      <c r="G196" s="129">
        <f t="shared" si="7"/>
        <v>6.5912459853413485E-2</v>
      </c>
    </row>
    <row r="197" spans="1:7" x14ac:dyDescent="0.3">
      <c r="A197" s="51" t="s">
        <v>657</v>
      </c>
      <c r="B197" s="68" t="s">
        <v>1774</v>
      </c>
      <c r="C197" s="123">
        <v>755.89667746999987</v>
      </c>
      <c r="D197" s="124">
        <v>11632</v>
      </c>
      <c r="E197" s="65"/>
      <c r="F197" s="129">
        <f t="shared" si="6"/>
        <v>5.118095680484535E-2</v>
      </c>
      <c r="G197" s="129">
        <f t="shared" si="7"/>
        <v>5.9869883883719013E-2</v>
      </c>
    </row>
    <row r="198" spans="1:7" x14ac:dyDescent="0.3">
      <c r="A198" s="51" t="s">
        <v>658</v>
      </c>
      <c r="B198" s="68" t="s">
        <v>1775</v>
      </c>
      <c r="C198" s="123">
        <v>766.88998039999854</v>
      </c>
      <c r="D198" s="124">
        <v>10232</v>
      </c>
      <c r="E198" s="65"/>
      <c r="F198" s="129">
        <f t="shared" si="6"/>
        <v>5.1925301606420657E-2</v>
      </c>
      <c r="G198" s="129">
        <f t="shared" si="7"/>
        <v>5.2664086304866999E-2</v>
      </c>
    </row>
    <row r="199" spans="1:7" x14ac:dyDescent="0.3">
      <c r="A199" s="51" t="s">
        <v>659</v>
      </c>
      <c r="B199" s="68" t="s">
        <v>1776</v>
      </c>
      <c r="C199" s="123">
        <v>799.18498265000233</v>
      </c>
      <c r="D199" s="124">
        <v>9400</v>
      </c>
      <c r="E199" s="68"/>
      <c r="F199" s="129">
        <f t="shared" si="6"/>
        <v>5.4111961720739558E-2</v>
      </c>
      <c r="G199" s="129">
        <f t="shared" si="7"/>
        <v>4.8381783743720659E-2</v>
      </c>
    </row>
    <row r="200" spans="1:7" x14ac:dyDescent="0.3">
      <c r="A200" s="51" t="s">
        <v>660</v>
      </c>
      <c r="B200" s="68" t="s">
        <v>1777</v>
      </c>
      <c r="C200" s="123">
        <v>848.6460407600033</v>
      </c>
      <c r="D200" s="124">
        <v>8930</v>
      </c>
      <c r="E200" s="68"/>
      <c r="F200" s="129">
        <f t="shared" si="6"/>
        <v>5.7460917145603654E-2</v>
      </c>
      <c r="G200" s="129">
        <f t="shared" si="7"/>
        <v>4.5962694556534629E-2</v>
      </c>
    </row>
    <row r="201" spans="1:7" x14ac:dyDescent="0.3">
      <c r="A201" s="51" t="s">
        <v>661</v>
      </c>
      <c r="B201" s="68" t="s">
        <v>1778</v>
      </c>
      <c r="C201" s="123">
        <v>2855.3304581400007</v>
      </c>
      <c r="D201" s="124">
        <v>9923</v>
      </c>
      <c r="E201" s="68"/>
      <c r="F201" s="129">
        <f t="shared" si="6"/>
        <v>0.1933313760959382</v>
      </c>
      <c r="G201" s="129">
        <f t="shared" si="7"/>
        <v>5.1073663839248953E-2</v>
      </c>
    </row>
    <row r="202" spans="1:7" x14ac:dyDescent="0.3">
      <c r="A202" s="51" t="s">
        <v>662</v>
      </c>
      <c r="B202" s="68"/>
      <c r="C202" s="123"/>
      <c r="D202" s="124"/>
      <c r="E202" s="68"/>
      <c r="F202" s="129" t="str">
        <f t="shared" si="6"/>
        <v/>
      </c>
      <c r="G202" s="129" t="str">
        <f t="shared" si="7"/>
        <v/>
      </c>
    </row>
    <row r="203" spans="1:7" x14ac:dyDescent="0.3">
      <c r="A203" s="51" t="s">
        <v>663</v>
      </c>
      <c r="B203" s="68"/>
      <c r="C203" s="123"/>
      <c r="D203" s="124"/>
      <c r="E203" s="68"/>
      <c r="F203" s="129" t="str">
        <f t="shared" si="6"/>
        <v/>
      </c>
      <c r="G203" s="129" t="str">
        <f t="shared" si="7"/>
        <v/>
      </c>
    </row>
    <row r="204" spans="1:7" x14ac:dyDescent="0.3">
      <c r="A204" s="51" t="s">
        <v>664</v>
      </c>
      <c r="B204" s="68"/>
      <c r="C204" s="123"/>
      <c r="D204" s="124"/>
      <c r="E204" s="68"/>
      <c r="F204" s="129" t="str">
        <f t="shared" si="6"/>
        <v/>
      </c>
      <c r="G204" s="129" t="str">
        <f t="shared" si="7"/>
        <v/>
      </c>
    </row>
    <row r="205" spans="1:7" x14ac:dyDescent="0.3">
      <c r="A205" s="51" t="s">
        <v>665</v>
      </c>
      <c r="B205" s="68"/>
      <c r="C205" s="123"/>
      <c r="D205" s="124"/>
      <c r="F205" s="129" t="str">
        <f t="shared" si="6"/>
        <v/>
      </c>
      <c r="G205" s="129" t="str">
        <f t="shared" si="7"/>
        <v/>
      </c>
    </row>
    <row r="206" spans="1:7" x14ac:dyDescent="0.3">
      <c r="A206" s="51" t="s">
        <v>666</v>
      </c>
      <c r="B206" s="68"/>
      <c r="C206" s="123"/>
      <c r="D206" s="124"/>
      <c r="E206" s="115"/>
      <c r="F206" s="129" t="str">
        <f t="shared" si="6"/>
        <v/>
      </c>
      <c r="G206" s="129" t="str">
        <f t="shared" si="7"/>
        <v/>
      </c>
    </row>
    <row r="207" spans="1:7" x14ac:dyDescent="0.3">
      <c r="A207" s="51" t="s">
        <v>667</v>
      </c>
      <c r="B207" s="68"/>
      <c r="C207" s="123"/>
      <c r="D207" s="124"/>
      <c r="E207" s="115"/>
      <c r="F207" s="129" t="str">
        <f t="shared" si="6"/>
        <v/>
      </c>
      <c r="G207" s="129" t="str">
        <f t="shared" si="7"/>
        <v/>
      </c>
    </row>
    <row r="208" spans="1:7" x14ac:dyDescent="0.3">
      <c r="A208" s="51" t="s">
        <v>668</v>
      </c>
      <c r="B208" s="68"/>
      <c r="C208" s="123"/>
      <c r="D208" s="124"/>
      <c r="E208" s="115"/>
      <c r="F208" s="129" t="str">
        <f t="shared" si="6"/>
        <v/>
      </c>
      <c r="G208" s="129" t="str">
        <f t="shared" si="7"/>
        <v/>
      </c>
    </row>
    <row r="209" spans="1:7" x14ac:dyDescent="0.3">
      <c r="A209" s="51" t="s">
        <v>669</v>
      </c>
      <c r="B209" s="68"/>
      <c r="C209" s="123"/>
      <c r="D209" s="124"/>
      <c r="E209" s="115"/>
      <c r="F209" s="129" t="str">
        <f t="shared" si="6"/>
        <v/>
      </c>
      <c r="G209" s="129" t="str">
        <f t="shared" si="7"/>
        <v/>
      </c>
    </row>
    <row r="210" spans="1:7" x14ac:dyDescent="0.3">
      <c r="A210" s="51" t="s">
        <v>670</v>
      </c>
      <c r="B210" s="68"/>
      <c r="C210" s="123"/>
      <c r="D210" s="124"/>
      <c r="E210" s="115"/>
      <c r="F210" s="129" t="str">
        <f t="shared" si="6"/>
        <v/>
      </c>
      <c r="G210" s="129" t="str">
        <f t="shared" si="7"/>
        <v/>
      </c>
    </row>
    <row r="211" spans="1:7" x14ac:dyDescent="0.3">
      <c r="A211" s="51" t="s">
        <v>671</v>
      </c>
      <c r="B211" s="68"/>
      <c r="C211" s="123"/>
      <c r="D211" s="124"/>
      <c r="E211" s="115"/>
      <c r="F211" s="129" t="str">
        <f t="shared" si="6"/>
        <v/>
      </c>
      <c r="G211" s="129" t="str">
        <f t="shared" si="7"/>
        <v/>
      </c>
    </row>
    <row r="212" spans="1:7" x14ac:dyDescent="0.3">
      <c r="A212" s="51" t="s">
        <v>672</v>
      </c>
      <c r="B212" s="68"/>
      <c r="C212" s="123"/>
      <c r="D212" s="124"/>
      <c r="E212" s="115"/>
      <c r="F212" s="129" t="str">
        <f t="shared" si="6"/>
        <v/>
      </c>
      <c r="G212" s="129" t="str">
        <f t="shared" si="7"/>
        <v/>
      </c>
    </row>
    <row r="213" spans="1:7" x14ac:dyDescent="0.3">
      <c r="A213" s="51" t="s">
        <v>673</v>
      </c>
      <c r="B213" s="68"/>
      <c r="C213" s="123"/>
      <c r="D213" s="124"/>
      <c r="E213" s="115"/>
      <c r="F213" s="129" t="str">
        <f t="shared" si="6"/>
        <v/>
      </c>
      <c r="G213" s="129" t="str">
        <f t="shared" si="7"/>
        <v/>
      </c>
    </row>
    <row r="214" spans="1:7" x14ac:dyDescent="0.3">
      <c r="A214" s="51" t="s">
        <v>674</v>
      </c>
      <c r="B214" s="77" t="s">
        <v>137</v>
      </c>
      <c r="C214" s="125">
        <f>SUM(C190:C213)</f>
        <v>14769.100162629989</v>
      </c>
      <c r="D214" s="75">
        <f>SUM(D190:D213)</f>
        <v>194288</v>
      </c>
      <c r="E214" s="115"/>
      <c r="F214" s="138">
        <f>SUM(F190:F213)</f>
        <v>0.99999999999999989</v>
      </c>
      <c r="G214" s="138">
        <f>SUM(G190:G213)</f>
        <v>1</v>
      </c>
    </row>
    <row r="215" spans="1:7" ht="15" customHeight="1" x14ac:dyDescent="0.3">
      <c r="A215" s="70"/>
      <c r="B215" s="70" t="s">
        <v>675</v>
      </c>
      <c r="C215" s="70" t="s">
        <v>644</v>
      </c>
      <c r="D215" s="70" t="s">
        <v>645</v>
      </c>
      <c r="E215" s="72"/>
      <c r="F215" s="70" t="s">
        <v>478</v>
      </c>
      <c r="G215" s="70" t="s">
        <v>646</v>
      </c>
    </row>
    <row r="216" spans="1:7" x14ac:dyDescent="0.3">
      <c r="A216" s="51" t="s">
        <v>676</v>
      </c>
      <c r="B216" s="51" t="s">
        <v>677</v>
      </c>
      <c r="C216" s="120">
        <v>0.54375815666103389</v>
      </c>
      <c r="F216" s="137"/>
      <c r="G216" s="137"/>
    </row>
    <row r="217" spans="1:7" x14ac:dyDescent="0.3">
      <c r="F217" s="137"/>
      <c r="G217" s="137"/>
    </row>
    <row r="218" spans="1:7" x14ac:dyDescent="0.3">
      <c r="B218" s="68" t="s">
        <v>678</v>
      </c>
      <c r="F218" s="137"/>
      <c r="G218" s="137"/>
    </row>
    <row r="219" spans="1:7" x14ac:dyDescent="0.3">
      <c r="A219" s="51" t="s">
        <v>679</v>
      </c>
      <c r="B219" s="51" t="s">
        <v>680</v>
      </c>
      <c r="C219" s="123">
        <v>3183.8773478000244</v>
      </c>
      <c r="D219" s="124">
        <v>74365</v>
      </c>
      <c r="F219" s="129">
        <f t="shared" ref="F219:F233" si="8">IF($C$227=0,"",IF(C219="[for completion]","",C219/$C$227))</f>
        <v>0.21557693513760029</v>
      </c>
      <c r="G219" s="129">
        <f t="shared" ref="G219:G233" si="9">IF($D$227=0,"",IF(D219="[for completion]","",D219/$D$227))</f>
        <v>0.38275652639380714</v>
      </c>
    </row>
    <row r="220" spans="1:7" x14ac:dyDescent="0.3">
      <c r="A220" s="51" t="s">
        <v>681</v>
      </c>
      <c r="B220" s="51" t="s">
        <v>682</v>
      </c>
      <c r="C220" s="123">
        <v>2223.847289770009</v>
      </c>
      <c r="D220" s="124">
        <v>29726</v>
      </c>
      <c r="F220" s="129">
        <f t="shared" si="8"/>
        <v>0.15057432513031235</v>
      </c>
      <c r="G220" s="129">
        <f t="shared" si="9"/>
        <v>0.15299967059211067</v>
      </c>
    </row>
    <row r="221" spans="1:7" x14ac:dyDescent="0.3">
      <c r="A221" s="51" t="s">
        <v>683</v>
      </c>
      <c r="B221" s="51" t="s">
        <v>684</v>
      </c>
      <c r="C221" s="123">
        <v>2884.2668581899943</v>
      </c>
      <c r="D221" s="124">
        <v>33932</v>
      </c>
      <c r="F221" s="129">
        <f t="shared" si="8"/>
        <v>0.19529062884196505</v>
      </c>
      <c r="G221" s="129">
        <f t="shared" si="9"/>
        <v>0.17464794531829037</v>
      </c>
    </row>
    <row r="222" spans="1:7" x14ac:dyDescent="0.3">
      <c r="A222" s="51" t="s">
        <v>685</v>
      </c>
      <c r="B222" s="51" t="s">
        <v>686</v>
      </c>
      <c r="C222" s="123">
        <v>3174.363800960014</v>
      </c>
      <c r="D222" s="124">
        <v>30099</v>
      </c>
      <c r="F222" s="129">
        <f t="shared" si="8"/>
        <v>0.21493278304063759</v>
      </c>
      <c r="G222" s="129">
        <f t="shared" si="9"/>
        <v>0.15491950094704768</v>
      </c>
    </row>
    <row r="223" spans="1:7" x14ac:dyDescent="0.3">
      <c r="A223" s="51" t="s">
        <v>687</v>
      </c>
      <c r="B223" s="51" t="s">
        <v>688</v>
      </c>
      <c r="C223" s="123">
        <v>3302.7448659100282</v>
      </c>
      <c r="D223" s="124">
        <v>26166</v>
      </c>
      <c r="F223" s="129">
        <f t="shared" si="8"/>
        <v>0.22362532784948477</v>
      </c>
      <c r="G223" s="129">
        <f t="shared" si="9"/>
        <v>0.13467635674874412</v>
      </c>
    </row>
    <row r="224" spans="1:7" x14ac:dyDescent="0.3">
      <c r="A224" s="51" t="s">
        <v>689</v>
      </c>
      <c r="B224" s="51" t="s">
        <v>690</v>
      </c>
      <c r="C224" s="123">
        <v>0</v>
      </c>
      <c r="D224" s="124">
        <v>0</v>
      </c>
      <c r="F224" s="129">
        <f t="shared" si="8"/>
        <v>0</v>
      </c>
      <c r="G224" s="129">
        <f t="shared" si="9"/>
        <v>0</v>
      </c>
    </row>
    <row r="225" spans="1:7" x14ac:dyDescent="0.3">
      <c r="A225" s="51" t="s">
        <v>691</v>
      </c>
      <c r="B225" s="51" t="s">
        <v>692</v>
      </c>
      <c r="C225" s="123">
        <v>0</v>
      </c>
      <c r="D225" s="124">
        <v>0</v>
      </c>
      <c r="F225" s="129">
        <f t="shared" si="8"/>
        <v>0</v>
      </c>
      <c r="G225" s="129">
        <f t="shared" si="9"/>
        <v>0</v>
      </c>
    </row>
    <row r="226" spans="1:7" x14ac:dyDescent="0.3">
      <c r="A226" s="51" t="s">
        <v>693</v>
      </c>
      <c r="B226" s="51" t="s">
        <v>694</v>
      </c>
      <c r="C226" s="123">
        <v>0</v>
      </c>
      <c r="D226" s="124">
        <v>0</v>
      </c>
      <c r="F226" s="129">
        <f t="shared" si="8"/>
        <v>0</v>
      </c>
      <c r="G226" s="129">
        <f t="shared" si="9"/>
        <v>0</v>
      </c>
    </row>
    <row r="227" spans="1:7" x14ac:dyDescent="0.3">
      <c r="A227" s="51" t="s">
        <v>695</v>
      </c>
      <c r="B227" s="77" t="s">
        <v>137</v>
      </c>
      <c r="C227" s="123">
        <f>SUM(C219:C226)</f>
        <v>14769.100162630069</v>
      </c>
      <c r="D227" s="124">
        <f>SUM(D219:D226)</f>
        <v>194288</v>
      </c>
      <c r="F227" s="120">
        <f>SUM(F219:F226)</f>
        <v>1</v>
      </c>
      <c r="G227" s="120">
        <f>SUM(G219:G226)</f>
        <v>1</v>
      </c>
    </row>
    <row r="228" spans="1:7" outlineLevel="1" x14ac:dyDescent="0.3">
      <c r="A228" s="51" t="s">
        <v>696</v>
      </c>
      <c r="B228" s="79" t="s">
        <v>697</v>
      </c>
      <c r="C228" s="123"/>
      <c r="D228" s="124"/>
      <c r="F228" s="129">
        <f t="shared" si="8"/>
        <v>0</v>
      </c>
      <c r="G228" s="129">
        <f t="shared" si="9"/>
        <v>0</v>
      </c>
    </row>
    <row r="229" spans="1:7" outlineLevel="1" x14ac:dyDescent="0.3">
      <c r="A229" s="51" t="s">
        <v>698</v>
      </c>
      <c r="B229" s="79" t="s">
        <v>699</v>
      </c>
      <c r="C229" s="123"/>
      <c r="D229" s="124"/>
      <c r="F229" s="129">
        <f t="shared" si="8"/>
        <v>0</v>
      </c>
      <c r="G229" s="129">
        <f t="shared" si="9"/>
        <v>0</v>
      </c>
    </row>
    <row r="230" spans="1:7" outlineLevel="1" x14ac:dyDescent="0.3">
      <c r="A230" s="51" t="s">
        <v>700</v>
      </c>
      <c r="B230" s="79" t="s">
        <v>701</v>
      </c>
      <c r="C230" s="123"/>
      <c r="D230" s="124"/>
      <c r="F230" s="129">
        <f t="shared" si="8"/>
        <v>0</v>
      </c>
      <c r="G230" s="129">
        <f t="shared" si="9"/>
        <v>0</v>
      </c>
    </row>
    <row r="231" spans="1:7" outlineLevel="1" x14ac:dyDescent="0.3">
      <c r="A231" s="51" t="s">
        <v>702</v>
      </c>
      <c r="B231" s="79" t="s">
        <v>703</v>
      </c>
      <c r="C231" s="123"/>
      <c r="D231" s="124"/>
      <c r="F231" s="129">
        <f t="shared" si="8"/>
        <v>0</v>
      </c>
      <c r="G231" s="129">
        <f t="shared" si="9"/>
        <v>0</v>
      </c>
    </row>
    <row r="232" spans="1:7" outlineLevel="1" x14ac:dyDescent="0.3">
      <c r="A232" s="51" t="s">
        <v>704</v>
      </c>
      <c r="B232" s="79" t="s">
        <v>705</v>
      </c>
      <c r="C232" s="123"/>
      <c r="D232" s="124"/>
      <c r="F232" s="129">
        <f t="shared" si="8"/>
        <v>0</v>
      </c>
      <c r="G232" s="129">
        <f t="shared" si="9"/>
        <v>0</v>
      </c>
    </row>
    <row r="233" spans="1:7" outlineLevel="1" x14ac:dyDescent="0.3">
      <c r="A233" s="51" t="s">
        <v>706</v>
      </c>
      <c r="B233" s="79" t="s">
        <v>707</v>
      </c>
      <c r="C233" s="123"/>
      <c r="D233" s="124"/>
      <c r="F233" s="129">
        <f t="shared" si="8"/>
        <v>0</v>
      </c>
      <c r="G233" s="129">
        <f t="shared" si="9"/>
        <v>0</v>
      </c>
    </row>
    <row r="234" spans="1:7" outlineLevel="1" x14ac:dyDescent="0.3">
      <c r="A234" s="51" t="s">
        <v>708</v>
      </c>
      <c r="B234" s="79"/>
      <c r="F234" s="129"/>
      <c r="G234" s="129"/>
    </row>
    <row r="235" spans="1:7" outlineLevel="1" x14ac:dyDescent="0.3">
      <c r="A235" s="51" t="s">
        <v>709</v>
      </c>
      <c r="B235" s="79"/>
      <c r="F235" s="129"/>
      <c r="G235" s="129"/>
    </row>
    <row r="236" spans="1:7" outlineLevel="1" x14ac:dyDescent="0.3">
      <c r="A236" s="51" t="s">
        <v>710</v>
      </c>
      <c r="B236" s="79"/>
      <c r="F236" s="129"/>
      <c r="G236" s="129"/>
    </row>
    <row r="237" spans="1:7" ht="15" customHeight="1" x14ac:dyDescent="0.3">
      <c r="A237" s="70"/>
      <c r="B237" s="70" t="s">
        <v>711</v>
      </c>
      <c r="C237" s="70" t="s">
        <v>644</v>
      </c>
      <c r="D237" s="70" t="s">
        <v>645</v>
      </c>
      <c r="E237" s="72"/>
      <c r="F237" s="70" t="s">
        <v>478</v>
      </c>
      <c r="G237" s="70" t="s">
        <v>646</v>
      </c>
    </row>
    <row r="238" spans="1:7" x14ac:dyDescent="0.3">
      <c r="A238" s="51" t="s">
        <v>712</v>
      </c>
      <c r="B238" s="51" t="s">
        <v>677</v>
      </c>
      <c r="C238" s="120">
        <v>0.54838586567103631</v>
      </c>
      <c r="F238" s="137"/>
      <c r="G238" s="137"/>
    </row>
    <row r="239" spans="1:7" x14ac:dyDescent="0.3">
      <c r="F239" s="137"/>
      <c r="G239" s="137"/>
    </row>
    <row r="240" spans="1:7" x14ac:dyDescent="0.3">
      <c r="B240" s="68" t="s">
        <v>678</v>
      </c>
      <c r="F240" s="137"/>
      <c r="G240" s="137"/>
    </row>
    <row r="241" spans="1:7" x14ac:dyDescent="0.3">
      <c r="A241" s="51" t="s">
        <v>713</v>
      </c>
      <c r="B241" s="51" t="s">
        <v>680</v>
      </c>
      <c r="C241" s="123">
        <v>3012.4215554800357</v>
      </c>
      <c r="D241" s="124">
        <v>71978</v>
      </c>
      <c r="F241" s="129">
        <f>IF($C$249=0,"",IF(C241="[Mark as ND1 if not relevant]","",C241/$C$249))</f>
        <v>0.20396784653829483</v>
      </c>
      <c r="G241" s="129">
        <f>IF($D$249=0,"",IF(D241="[Mark as ND1 if not relevant]","",D241/$D$249))</f>
        <v>0.37047064152186443</v>
      </c>
    </row>
    <row r="242" spans="1:7" x14ac:dyDescent="0.3">
      <c r="A242" s="51" t="s">
        <v>714</v>
      </c>
      <c r="B242" s="51" t="s">
        <v>682</v>
      </c>
      <c r="C242" s="123">
        <v>2183.194937600003</v>
      </c>
      <c r="D242" s="124">
        <v>29211</v>
      </c>
      <c r="F242" s="129">
        <f t="shared" ref="F242:F248" si="10">IF($C$249=0,"",IF(C242="[Mark as ND1 if not relevant]","",C242/$C$249))</f>
        <v>0.14782179777777477</v>
      </c>
      <c r="G242" s="129">
        <f t="shared" ref="G242:G248" si="11">IF($D$249=0,"",IF(D242="[Mark as ND1 if not relevant]","",D242/$D$249))</f>
        <v>0.15034896648274726</v>
      </c>
    </row>
    <row r="243" spans="1:7" x14ac:dyDescent="0.3">
      <c r="A243" s="51" t="s">
        <v>715</v>
      </c>
      <c r="B243" s="51" t="s">
        <v>684</v>
      </c>
      <c r="C243" s="123">
        <v>2922.7539816599951</v>
      </c>
      <c r="D243" s="124">
        <v>34531</v>
      </c>
      <c r="F243" s="129">
        <f t="shared" si="10"/>
        <v>0.19789655087148608</v>
      </c>
      <c r="G243" s="129">
        <f t="shared" si="11"/>
        <v>0.17773099728238492</v>
      </c>
    </row>
    <row r="244" spans="1:7" x14ac:dyDescent="0.3">
      <c r="A244" s="51" t="s">
        <v>716</v>
      </c>
      <c r="B244" s="51" t="s">
        <v>686</v>
      </c>
      <c r="C244" s="123">
        <v>3271.3091619400152</v>
      </c>
      <c r="D244" s="124">
        <v>31559</v>
      </c>
      <c r="F244" s="129">
        <f t="shared" si="10"/>
        <v>0.22149684990405419</v>
      </c>
      <c r="G244" s="129">
        <f t="shared" si="11"/>
        <v>0.1624341184221362</v>
      </c>
    </row>
    <row r="245" spans="1:7" x14ac:dyDescent="0.3">
      <c r="A245" s="51" t="s">
        <v>717</v>
      </c>
      <c r="B245" s="51" t="s">
        <v>688</v>
      </c>
      <c r="C245" s="123">
        <v>3379.4205259500236</v>
      </c>
      <c r="D245" s="124">
        <v>27009</v>
      </c>
      <c r="F245" s="129">
        <f t="shared" si="10"/>
        <v>0.22881695490839021</v>
      </c>
      <c r="G245" s="129">
        <f t="shared" si="11"/>
        <v>0.13901527629086716</v>
      </c>
    </row>
    <row r="246" spans="1:7" x14ac:dyDescent="0.3">
      <c r="A246" s="51" t="s">
        <v>718</v>
      </c>
      <c r="B246" s="51" t="s">
        <v>690</v>
      </c>
      <c r="C246" s="123">
        <v>0</v>
      </c>
      <c r="D246" s="124">
        <v>0</v>
      </c>
      <c r="F246" s="129">
        <f t="shared" si="10"/>
        <v>0</v>
      </c>
      <c r="G246" s="129">
        <f t="shared" si="11"/>
        <v>0</v>
      </c>
    </row>
    <row r="247" spans="1:7" x14ac:dyDescent="0.3">
      <c r="A247" s="51" t="s">
        <v>719</v>
      </c>
      <c r="B247" s="51" t="s">
        <v>692</v>
      </c>
      <c r="C247" s="123">
        <v>0</v>
      </c>
      <c r="D247" s="124">
        <v>0</v>
      </c>
      <c r="F247" s="129">
        <f t="shared" si="10"/>
        <v>0</v>
      </c>
      <c r="G247" s="129">
        <f t="shared" si="11"/>
        <v>0</v>
      </c>
    </row>
    <row r="248" spans="1:7" x14ac:dyDescent="0.3">
      <c r="A248" s="51" t="s">
        <v>720</v>
      </c>
      <c r="B248" s="51" t="s">
        <v>694</v>
      </c>
      <c r="C248" s="123">
        <v>0</v>
      </c>
      <c r="D248" s="124">
        <v>0</v>
      </c>
      <c r="F248" s="129">
        <f t="shared" si="10"/>
        <v>0</v>
      </c>
      <c r="G248" s="129">
        <f t="shared" si="11"/>
        <v>0</v>
      </c>
    </row>
    <row r="249" spans="1:7" x14ac:dyDescent="0.3">
      <c r="A249" s="51" t="s">
        <v>721</v>
      </c>
      <c r="B249" s="77" t="s">
        <v>137</v>
      </c>
      <c r="C249" s="123">
        <f>SUM(C241:C248)</f>
        <v>14769.100162630071</v>
      </c>
      <c r="D249" s="124">
        <f>SUM(D241:D248)</f>
        <v>194288</v>
      </c>
      <c r="F249" s="120">
        <f>SUM(F241:F248)</f>
        <v>1</v>
      </c>
      <c r="G249" s="120">
        <f>SUM(G241:G248)</f>
        <v>1</v>
      </c>
    </row>
    <row r="250" spans="1:7" outlineLevel="1" x14ac:dyDescent="0.3">
      <c r="A250" s="51" t="s">
        <v>722</v>
      </c>
      <c r="B250" s="79" t="s">
        <v>697</v>
      </c>
      <c r="C250" s="123"/>
      <c r="D250" s="124"/>
      <c r="F250" s="129">
        <f t="shared" ref="F250:F255" si="12">IF($C$249=0,"",IF(C250="[for completion]","",C250/$C$249))</f>
        <v>0</v>
      </c>
      <c r="G250" s="129">
        <f t="shared" ref="G250:G255" si="13">IF($D$249=0,"",IF(D250="[for completion]","",D250/$D$249))</f>
        <v>0</v>
      </c>
    </row>
    <row r="251" spans="1:7" outlineLevel="1" x14ac:dyDescent="0.3">
      <c r="A251" s="51" t="s">
        <v>723</v>
      </c>
      <c r="B251" s="79" t="s">
        <v>699</v>
      </c>
      <c r="C251" s="123"/>
      <c r="D251" s="124"/>
      <c r="F251" s="129">
        <f t="shared" si="12"/>
        <v>0</v>
      </c>
      <c r="G251" s="129">
        <f t="shared" si="13"/>
        <v>0</v>
      </c>
    </row>
    <row r="252" spans="1:7" outlineLevel="1" x14ac:dyDescent="0.3">
      <c r="A252" s="51" t="s">
        <v>724</v>
      </c>
      <c r="B252" s="79" t="s">
        <v>701</v>
      </c>
      <c r="C252" s="123"/>
      <c r="D252" s="124"/>
      <c r="F252" s="129">
        <f t="shared" si="12"/>
        <v>0</v>
      </c>
      <c r="G252" s="129">
        <f t="shared" si="13"/>
        <v>0</v>
      </c>
    </row>
    <row r="253" spans="1:7" outlineLevel="1" x14ac:dyDescent="0.3">
      <c r="A253" s="51" t="s">
        <v>725</v>
      </c>
      <c r="B253" s="79" t="s">
        <v>703</v>
      </c>
      <c r="C253" s="123"/>
      <c r="D253" s="124"/>
      <c r="F253" s="129">
        <f t="shared" si="12"/>
        <v>0</v>
      </c>
      <c r="G253" s="129">
        <f t="shared" si="13"/>
        <v>0</v>
      </c>
    </row>
    <row r="254" spans="1:7" outlineLevel="1" x14ac:dyDescent="0.3">
      <c r="A254" s="51" t="s">
        <v>726</v>
      </c>
      <c r="B254" s="79" t="s">
        <v>705</v>
      </c>
      <c r="C254" s="123"/>
      <c r="D254" s="124"/>
      <c r="F254" s="129">
        <f t="shared" si="12"/>
        <v>0</v>
      </c>
      <c r="G254" s="129">
        <f t="shared" si="13"/>
        <v>0</v>
      </c>
    </row>
    <row r="255" spans="1:7" outlineLevel="1" x14ac:dyDescent="0.3">
      <c r="A255" s="51" t="s">
        <v>727</v>
      </c>
      <c r="B255" s="79" t="s">
        <v>707</v>
      </c>
      <c r="C255" s="123"/>
      <c r="D255" s="124"/>
      <c r="F255" s="129">
        <f t="shared" si="12"/>
        <v>0</v>
      </c>
      <c r="G255" s="129">
        <f t="shared" si="13"/>
        <v>0</v>
      </c>
    </row>
    <row r="256" spans="1:7" outlineLevel="1" x14ac:dyDescent="0.3">
      <c r="A256" s="51" t="s">
        <v>728</v>
      </c>
      <c r="B256" s="79"/>
      <c r="F256" s="76"/>
      <c r="G256" s="76"/>
    </row>
    <row r="257" spans="1:14" outlineLevel="1" x14ac:dyDescent="0.3">
      <c r="A257" s="51" t="s">
        <v>729</v>
      </c>
      <c r="B257" s="79"/>
      <c r="F257" s="76"/>
      <c r="G257" s="76"/>
    </row>
    <row r="258" spans="1:14" outlineLevel="1" x14ac:dyDescent="0.3">
      <c r="A258" s="51" t="s">
        <v>730</v>
      </c>
      <c r="B258" s="79"/>
      <c r="F258" s="76"/>
      <c r="G258" s="76"/>
    </row>
    <row r="259" spans="1:14" ht="15" customHeight="1" x14ac:dyDescent="0.3">
      <c r="A259" s="70"/>
      <c r="B259" s="110" t="s">
        <v>731</v>
      </c>
      <c r="C259" s="70" t="s">
        <v>478</v>
      </c>
      <c r="D259" s="70"/>
      <c r="E259" s="72"/>
      <c r="F259" s="70"/>
      <c r="G259" s="70"/>
    </row>
    <row r="260" spans="1:14" x14ac:dyDescent="0.3">
      <c r="A260" s="51" t="s">
        <v>732</v>
      </c>
      <c r="B260" s="51" t="s">
        <v>733</v>
      </c>
      <c r="C260" s="120">
        <v>0.92771731248859735</v>
      </c>
      <c r="E260" s="115"/>
      <c r="F260" s="115"/>
      <c r="G260" s="115"/>
    </row>
    <row r="261" spans="1:14" x14ac:dyDescent="0.3">
      <c r="A261" s="51" t="s">
        <v>734</v>
      </c>
      <c r="B261" s="51" t="s">
        <v>735</v>
      </c>
      <c r="C261" s="120">
        <v>7.1283733845469099E-2</v>
      </c>
      <c r="E261" s="115"/>
      <c r="F261" s="115"/>
    </row>
    <row r="262" spans="1:14" x14ac:dyDescent="0.3">
      <c r="A262" s="51" t="s">
        <v>736</v>
      </c>
      <c r="B262" s="51" t="s">
        <v>737</v>
      </c>
      <c r="C262" s="120">
        <v>1.4999607123021153E-6</v>
      </c>
      <c r="E262" s="115"/>
      <c r="F262" s="115"/>
    </row>
    <row r="263" spans="1:14" x14ac:dyDescent="0.3">
      <c r="A263" s="51" t="s">
        <v>738</v>
      </c>
      <c r="B263" s="51" t="s">
        <v>1343</v>
      </c>
      <c r="C263" s="120">
        <v>0</v>
      </c>
      <c r="E263" s="115"/>
      <c r="F263" s="115"/>
    </row>
    <row r="264" spans="1:14" x14ac:dyDescent="0.3">
      <c r="A264" s="51" t="s">
        <v>992</v>
      </c>
      <c r="B264" s="68" t="s">
        <v>984</v>
      </c>
      <c r="C264" s="120">
        <v>0</v>
      </c>
      <c r="D264" s="65"/>
      <c r="E264" s="65"/>
      <c r="F264" s="82"/>
      <c r="G264" s="82"/>
      <c r="H264" s="49"/>
      <c r="I264" s="51"/>
      <c r="J264" s="51"/>
      <c r="K264" s="51"/>
      <c r="L264" s="49"/>
      <c r="M264" s="49"/>
      <c r="N264" s="49"/>
    </row>
    <row r="265" spans="1:14" x14ac:dyDescent="0.3">
      <c r="A265" s="51" t="s">
        <v>1344</v>
      </c>
      <c r="B265" s="51" t="s">
        <v>135</v>
      </c>
      <c r="C265" s="120">
        <v>9.974537052213038E-4</v>
      </c>
      <c r="E265" s="115"/>
      <c r="F265" s="115"/>
    </row>
    <row r="266" spans="1:14" outlineLevel="1" x14ac:dyDescent="0.3">
      <c r="A266" s="51" t="s">
        <v>739</v>
      </c>
      <c r="B266" s="79" t="s">
        <v>741</v>
      </c>
      <c r="C266" s="139"/>
      <c r="E266" s="115"/>
      <c r="F266" s="115"/>
    </row>
    <row r="267" spans="1:14" outlineLevel="1" x14ac:dyDescent="0.3">
      <c r="A267" s="51" t="s">
        <v>740</v>
      </c>
      <c r="B267" s="79" t="s">
        <v>743</v>
      </c>
      <c r="C267" s="120"/>
      <c r="E267" s="115"/>
      <c r="F267" s="115"/>
    </row>
    <row r="268" spans="1:14" outlineLevel="1" x14ac:dyDescent="0.3">
      <c r="A268" s="51" t="s">
        <v>742</v>
      </c>
      <c r="B268" s="79" t="s">
        <v>745</v>
      </c>
      <c r="C268" s="120"/>
      <c r="E268" s="115"/>
      <c r="F268" s="115"/>
    </row>
    <row r="269" spans="1:14" outlineLevel="1" x14ac:dyDescent="0.3">
      <c r="A269" s="51" t="s">
        <v>744</v>
      </c>
      <c r="B269" s="79" t="s">
        <v>747</v>
      </c>
      <c r="C269" s="120"/>
      <c r="E269" s="115"/>
      <c r="F269" s="115"/>
    </row>
    <row r="270" spans="1:14" outlineLevel="1" x14ac:dyDescent="0.3">
      <c r="A270" s="51" t="s">
        <v>746</v>
      </c>
      <c r="B270" s="79" t="s">
        <v>139</v>
      </c>
      <c r="C270" s="120"/>
      <c r="E270" s="115"/>
      <c r="F270" s="115"/>
    </row>
    <row r="271" spans="1:14" outlineLevel="1" x14ac:dyDescent="0.3">
      <c r="A271" s="51" t="s">
        <v>748</v>
      </c>
      <c r="B271" s="79" t="s">
        <v>139</v>
      </c>
      <c r="C271" s="120"/>
      <c r="E271" s="115"/>
      <c r="F271" s="115"/>
    </row>
    <row r="272" spans="1:14" outlineLevel="1" x14ac:dyDescent="0.3">
      <c r="A272" s="51" t="s">
        <v>749</v>
      </c>
      <c r="B272" s="79" t="s">
        <v>139</v>
      </c>
      <c r="C272" s="120"/>
      <c r="E272" s="115"/>
      <c r="F272" s="115"/>
    </row>
    <row r="273" spans="1:7" outlineLevel="1" x14ac:dyDescent="0.3">
      <c r="A273" s="51" t="s">
        <v>750</v>
      </c>
      <c r="B273" s="79" t="s">
        <v>139</v>
      </c>
      <c r="C273" s="120"/>
      <c r="E273" s="115"/>
      <c r="F273" s="115"/>
    </row>
    <row r="274" spans="1:7" outlineLevel="1" x14ac:dyDescent="0.3">
      <c r="A274" s="51" t="s">
        <v>751</v>
      </c>
      <c r="B274" s="79" t="s">
        <v>139</v>
      </c>
      <c r="C274" s="120"/>
      <c r="E274" s="115"/>
      <c r="F274" s="115"/>
    </row>
    <row r="275" spans="1:7" outlineLevel="1" x14ac:dyDescent="0.3">
      <c r="A275" s="51" t="s">
        <v>752</v>
      </c>
      <c r="B275" s="79" t="s">
        <v>139</v>
      </c>
      <c r="C275" s="120"/>
      <c r="E275" s="115"/>
      <c r="F275" s="115"/>
    </row>
    <row r="276" spans="1:7" ht="15" customHeight="1" x14ac:dyDescent="0.3">
      <c r="A276" s="70"/>
      <c r="B276" s="110" t="s">
        <v>753</v>
      </c>
      <c r="C276" s="70" t="s">
        <v>478</v>
      </c>
      <c r="D276" s="70"/>
      <c r="E276" s="72"/>
      <c r="F276" s="70"/>
      <c r="G276" s="73"/>
    </row>
    <row r="277" spans="1:7" x14ac:dyDescent="0.3">
      <c r="A277" s="51" t="s">
        <v>6</v>
      </c>
      <c r="B277" s="51" t="s">
        <v>985</v>
      </c>
      <c r="C277" s="120">
        <v>1</v>
      </c>
      <c r="E277" s="49"/>
      <c r="F277" s="49"/>
    </row>
    <row r="278" spans="1:7" x14ac:dyDescent="0.3">
      <c r="A278" s="51" t="s">
        <v>754</v>
      </c>
      <c r="B278" s="51" t="s">
        <v>755</v>
      </c>
      <c r="C278" s="120">
        <v>0</v>
      </c>
      <c r="E278" s="49"/>
      <c r="F278" s="49"/>
    </row>
    <row r="279" spans="1:7" x14ac:dyDescent="0.3">
      <c r="A279" s="51" t="s">
        <v>756</v>
      </c>
      <c r="B279" s="51" t="s">
        <v>135</v>
      </c>
      <c r="C279" s="120">
        <v>0</v>
      </c>
      <c r="E279" s="49"/>
      <c r="F279" s="49"/>
    </row>
    <row r="280" spans="1:7" outlineLevel="1" x14ac:dyDescent="0.3">
      <c r="A280" s="51" t="s">
        <v>757</v>
      </c>
      <c r="C280" s="120"/>
      <c r="E280" s="49"/>
      <c r="F280" s="49"/>
    </row>
    <row r="281" spans="1:7" outlineLevel="1" x14ac:dyDescent="0.3">
      <c r="A281" s="51" t="s">
        <v>758</v>
      </c>
      <c r="C281" s="120"/>
      <c r="E281" s="49"/>
      <c r="F281" s="49"/>
    </row>
    <row r="282" spans="1:7" outlineLevel="1" x14ac:dyDescent="0.3">
      <c r="A282" s="51" t="s">
        <v>759</v>
      </c>
      <c r="C282" s="120"/>
      <c r="E282" s="49"/>
      <c r="F282" s="49"/>
    </row>
    <row r="283" spans="1:7" outlineLevel="1" x14ac:dyDescent="0.3">
      <c r="A283" s="51" t="s">
        <v>760</v>
      </c>
      <c r="C283" s="120"/>
      <c r="E283" s="49"/>
      <c r="F283" s="49"/>
    </row>
    <row r="284" spans="1:7" outlineLevel="1" x14ac:dyDescent="0.3">
      <c r="A284" s="51" t="s">
        <v>761</v>
      </c>
      <c r="C284" s="120"/>
      <c r="E284" s="49"/>
      <c r="F284" s="49"/>
    </row>
    <row r="285" spans="1:7" outlineLevel="1" x14ac:dyDescent="0.3">
      <c r="A285" s="51" t="s">
        <v>762</v>
      </c>
      <c r="C285" s="120"/>
      <c r="E285" s="49"/>
      <c r="F285" s="49"/>
    </row>
    <row r="286" spans="1:7" customFormat="1" x14ac:dyDescent="0.3">
      <c r="A286" s="71"/>
      <c r="B286" s="71" t="s">
        <v>1378</v>
      </c>
      <c r="C286" s="71" t="s">
        <v>106</v>
      </c>
      <c r="D286" s="71" t="s">
        <v>1224</v>
      </c>
      <c r="E286" s="71"/>
      <c r="F286" s="71" t="s">
        <v>478</v>
      </c>
      <c r="G286" s="71" t="s">
        <v>1227</v>
      </c>
    </row>
    <row r="287" spans="1:7" customFormat="1" x14ac:dyDescent="0.3">
      <c r="A287" s="51" t="s">
        <v>1229</v>
      </c>
      <c r="B287" s="68" t="s">
        <v>571</v>
      </c>
      <c r="C287" s="123" t="s">
        <v>79</v>
      </c>
      <c r="D287" s="51" t="s">
        <v>79</v>
      </c>
      <c r="E287" s="57"/>
      <c r="F287" s="129" t="str">
        <f>IF($C$305=0,"",IF(C287="[For completion]","",C287/$C$305))</f>
        <v/>
      </c>
      <c r="G287" s="129" t="str">
        <f>IF($D$305=0,"",IF(D287="[For completion]","",D287/$D$305))</f>
        <v/>
      </c>
    </row>
    <row r="288" spans="1:7" customFormat="1" x14ac:dyDescent="0.3">
      <c r="A288" s="51" t="s">
        <v>1230</v>
      </c>
      <c r="B288" s="68" t="s">
        <v>571</v>
      </c>
      <c r="C288" s="123" t="s">
        <v>79</v>
      </c>
      <c r="D288" s="51" t="s">
        <v>79</v>
      </c>
      <c r="E288" s="57"/>
      <c r="F288" s="129" t="str">
        <f t="shared" ref="F288:F304" si="14">IF($C$305=0,"",IF(C288="[For completion]","",C288/$C$305))</f>
        <v/>
      </c>
      <c r="G288" s="129" t="str">
        <f t="shared" ref="G288:G304" si="15">IF($D$305=0,"",IF(D288="[For completion]","",D288/$D$305))</f>
        <v/>
      </c>
    </row>
    <row r="289" spans="1:7" customFormat="1" x14ac:dyDescent="0.3">
      <c r="A289" s="51" t="s">
        <v>1231</v>
      </c>
      <c r="B289" s="68" t="s">
        <v>571</v>
      </c>
      <c r="C289" s="123" t="s">
        <v>79</v>
      </c>
      <c r="D289" s="51" t="s">
        <v>79</v>
      </c>
      <c r="E289" s="57"/>
      <c r="F289" s="129" t="str">
        <f t="shared" si="14"/>
        <v/>
      </c>
      <c r="G289" s="129" t="str">
        <f t="shared" si="15"/>
        <v/>
      </c>
    </row>
    <row r="290" spans="1:7" customFormat="1" x14ac:dyDescent="0.3">
      <c r="A290" s="51" t="s">
        <v>1232</v>
      </c>
      <c r="B290" s="68" t="s">
        <v>571</v>
      </c>
      <c r="C290" s="123" t="s">
        <v>79</v>
      </c>
      <c r="D290" s="51" t="s">
        <v>79</v>
      </c>
      <c r="E290" s="57"/>
      <c r="F290" s="129" t="str">
        <f t="shared" si="14"/>
        <v/>
      </c>
      <c r="G290" s="129" t="str">
        <f t="shared" si="15"/>
        <v/>
      </c>
    </row>
    <row r="291" spans="1:7" customFormat="1" x14ac:dyDescent="0.3">
      <c r="A291" s="51" t="s">
        <v>1233</v>
      </c>
      <c r="B291" s="68" t="s">
        <v>571</v>
      </c>
      <c r="C291" s="123" t="s">
        <v>79</v>
      </c>
      <c r="D291" s="51" t="s">
        <v>79</v>
      </c>
      <c r="E291" s="57"/>
      <c r="F291" s="129" t="str">
        <f t="shared" si="14"/>
        <v/>
      </c>
      <c r="G291" s="129" t="str">
        <f t="shared" si="15"/>
        <v/>
      </c>
    </row>
    <row r="292" spans="1:7" customFormat="1" x14ac:dyDescent="0.3">
      <c r="A292" s="51" t="s">
        <v>1234</v>
      </c>
      <c r="B292" s="68" t="s">
        <v>571</v>
      </c>
      <c r="C292" s="123" t="s">
        <v>79</v>
      </c>
      <c r="D292" s="51" t="s">
        <v>79</v>
      </c>
      <c r="E292" s="57"/>
      <c r="F292" s="129" t="str">
        <f t="shared" si="14"/>
        <v/>
      </c>
      <c r="G292" s="129" t="str">
        <f t="shared" si="15"/>
        <v/>
      </c>
    </row>
    <row r="293" spans="1:7" customFormat="1" x14ac:dyDescent="0.3">
      <c r="A293" s="51" t="s">
        <v>1235</v>
      </c>
      <c r="B293" s="68" t="s">
        <v>571</v>
      </c>
      <c r="C293" s="123" t="s">
        <v>79</v>
      </c>
      <c r="D293" s="51" t="s">
        <v>79</v>
      </c>
      <c r="E293" s="57"/>
      <c r="F293" s="129" t="str">
        <f t="shared" si="14"/>
        <v/>
      </c>
      <c r="G293" s="129" t="str">
        <f t="shared" si="15"/>
        <v/>
      </c>
    </row>
    <row r="294" spans="1:7" customFormat="1" x14ac:dyDescent="0.3">
      <c r="A294" s="51" t="s">
        <v>1236</v>
      </c>
      <c r="B294" s="68" t="s">
        <v>571</v>
      </c>
      <c r="C294" s="123" t="s">
        <v>79</v>
      </c>
      <c r="D294" s="51" t="s">
        <v>79</v>
      </c>
      <c r="E294" s="57"/>
      <c r="F294" s="129" t="str">
        <f t="shared" si="14"/>
        <v/>
      </c>
      <c r="G294" s="129" t="str">
        <f t="shared" si="15"/>
        <v/>
      </c>
    </row>
    <row r="295" spans="1:7" customFormat="1" x14ac:dyDescent="0.3">
      <c r="A295" s="51" t="s">
        <v>1237</v>
      </c>
      <c r="B295" s="68" t="s">
        <v>571</v>
      </c>
      <c r="C295" s="123" t="s">
        <v>79</v>
      </c>
      <c r="D295" s="51" t="s">
        <v>79</v>
      </c>
      <c r="E295" s="57"/>
      <c r="F295" s="129" t="str">
        <f t="shared" si="14"/>
        <v/>
      </c>
      <c r="G295" s="129" t="str">
        <f t="shared" si="15"/>
        <v/>
      </c>
    </row>
    <row r="296" spans="1:7" customFormat="1" x14ac:dyDescent="0.3">
      <c r="A296" s="51" t="s">
        <v>1238</v>
      </c>
      <c r="B296" s="68" t="s">
        <v>571</v>
      </c>
      <c r="C296" s="123" t="s">
        <v>79</v>
      </c>
      <c r="D296" s="51" t="s">
        <v>79</v>
      </c>
      <c r="E296" s="57"/>
      <c r="F296" s="129" t="str">
        <f t="shared" si="14"/>
        <v/>
      </c>
      <c r="G296" s="129" t="str">
        <f t="shared" si="15"/>
        <v/>
      </c>
    </row>
    <row r="297" spans="1:7" customFormat="1" x14ac:dyDescent="0.3">
      <c r="A297" s="51" t="s">
        <v>1239</v>
      </c>
      <c r="B297" s="68" t="s">
        <v>571</v>
      </c>
      <c r="C297" s="123" t="s">
        <v>79</v>
      </c>
      <c r="D297" s="51" t="s">
        <v>79</v>
      </c>
      <c r="E297" s="57"/>
      <c r="F297" s="129" t="str">
        <f t="shared" si="14"/>
        <v/>
      </c>
      <c r="G297" s="129" t="str">
        <f t="shared" si="15"/>
        <v/>
      </c>
    </row>
    <row r="298" spans="1:7" customFormat="1" x14ac:dyDescent="0.3">
      <c r="A298" s="51" t="s">
        <v>1240</v>
      </c>
      <c r="B298" s="68" t="s">
        <v>571</v>
      </c>
      <c r="C298" s="123" t="s">
        <v>79</v>
      </c>
      <c r="D298" s="51" t="s">
        <v>79</v>
      </c>
      <c r="E298" s="57"/>
      <c r="F298" s="129" t="str">
        <f t="shared" si="14"/>
        <v/>
      </c>
      <c r="G298" s="129" t="str">
        <f t="shared" si="15"/>
        <v/>
      </c>
    </row>
    <row r="299" spans="1:7" customFormat="1" x14ac:dyDescent="0.3">
      <c r="A299" s="51" t="s">
        <v>1241</v>
      </c>
      <c r="B299" s="68" t="s">
        <v>571</v>
      </c>
      <c r="C299" s="123" t="s">
        <v>79</v>
      </c>
      <c r="D299" s="51" t="s">
        <v>79</v>
      </c>
      <c r="E299" s="57"/>
      <c r="F299" s="129" t="str">
        <f t="shared" si="14"/>
        <v/>
      </c>
      <c r="G299" s="129" t="str">
        <f t="shared" si="15"/>
        <v/>
      </c>
    </row>
    <row r="300" spans="1:7" customFormat="1" x14ac:dyDescent="0.3">
      <c r="A300" s="51" t="s">
        <v>1242</v>
      </c>
      <c r="B300" s="68" t="s">
        <v>571</v>
      </c>
      <c r="C300" s="123" t="s">
        <v>79</v>
      </c>
      <c r="D300" s="51" t="s">
        <v>79</v>
      </c>
      <c r="E300" s="57"/>
      <c r="F300" s="129" t="str">
        <f t="shared" si="14"/>
        <v/>
      </c>
      <c r="G300" s="129" t="str">
        <f t="shared" si="15"/>
        <v/>
      </c>
    </row>
    <row r="301" spans="1:7" customFormat="1" x14ac:dyDescent="0.3">
      <c r="A301" s="51" t="s">
        <v>1243</v>
      </c>
      <c r="B301" s="68" t="s">
        <v>571</v>
      </c>
      <c r="C301" s="123" t="s">
        <v>79</v>
      </c>
      <c r="D301" s="51" t="s">
        <v>79</v>
      </c>
      <c r="E301" s="57"/>
      <c r="F301" s="129" t="str">
        <f t="shared" si="14"/>
        <v/>
      </c>
      <c r="G301" s="129" t="str">
        <f t="shared" si="15"/>
        <v/>
      </c>
    </row>
    <row r="302" spans="1:7" customFormat="1" x14ac:dyDescent="0.3">
      <c r="A302" s="51" t="s">
        <v>1244</v>
      </c>
      <c r="B302" s="68" t="s">
        <v>571</v>
      </c>
      <c r="C302" s="123" t="s">
        <v>79</v>
      </c>
      <c r="D302" s="51" t="s">
        <v>79</v>
      </c>
      <c r="E302" s="57"/>
      <c r="F302" s="129" t="str">
        <f t="shared" si="14"/>
        <v/>
      </c>
      <c r="G302" s="129" t="str">
        <f t="shared" si="15"/>
        <v/>
      </c>
    </row>
    <row r="303" spans="1:7" customFormat="1" x14ac:dyDescent="0.3">
      <c r="A303" s="51" t="s">
        <v>1245</v>
      </c>
      <c r="B303" s="68" t="s">
        <v>571</v>
      </c>
      <c r="C303" s="123" t="s">
        <v>79</v>
      </c>
      <c r="D303" s="51" t="s">
        <v>79</v>
      </c>
      <c r="E303" s="57"/>
      <c r="F303" s="129" t="str">
        <f t="shared" si="14"/>
        <v/>
      </c>
      <c r="G303" s="129" t="str">
        <f t="shared" si="15"/>
        <v/>
      </c>
    </row>
    <row r="304" spans="1:7" customFormat="1" x14ac:dyDescent="0.3">
      <c r="A304" s="51" t="s">
        <v>1246</v>
      </c>
      <c r="B304" s="68" t="s">
        <v>1268</v>
      </c>
      <c r="C304" s="123" t="s">
        <v>79</v>
      </c>
      <c r="D304" s="51" t="s">
        <v>79</v>
      </c>
      <c r="E304" s="57"/>
      <c r="F304" s="129" t="str">
        <f t="shared" si="14"/>
        <v/>
      </c>
      <c r="G304" s="129" t="str">
        <f t="shared" si="15"/>
        <v/>
      </c>
    </row>
    <row r="305" spans="1:7" customFormat="1" x14ac:dyDescent="0.3">
      <c r="A305" s="51" t="s">
        <v>1247</v>
      </c>
      <c r="B305" s="68" t="s">
        <v>137</v>
      </c>
      <c r="C305" s="123">
        <f>SUM(C287:C304)</f>
        <v>0</v>
      </c>
      <c r="D305" s="51">
        <f>SUM(D287:D304)</f>
        <v>0</v>
      </c>
      <c r="E305" s="57"/>
      <c r="F305" s="137">
        <f>SUM(F287:F304)</f>
        <v>0</v>
      </c>
      <c r="G305" s="137">
        <f>SUM(G287:G304)</f>
        <v>0</v>
      </c>
    </row>
    <row r="306" spans="1:7" customFormat="1" x14ac:dyDescent="0.3">
      <c r="A306" s="51" t="s">
        <v>1248</v>
      </c>
      <c r="B306" s="68"/>
      <c r="C306" s="51"/>
      <c r="D306" s="51"/>
      <c r="E306" s="57"/>
      <c r="F306" s="57"/>
      <c r="G306" s="57"/>
    </row>
    <row r="307" spans="1:7" customFormat="1" x14ac:dyDescent="0.3">
      <c r="A307" s="51" t="s">
        <v>1249</v>
      </c>
      <c r="B307" s="68"/>
      <c r="C307" s="51"/>
      <c r="D307" s="51"/>
      <c r="E307" s="57"/>
      <c r="F307" s="57"/>
      <c r="G307" s="57"/>
    </row>
    <row r="308" spans="1:7" customFormat="1" x14ac:dyDescent="0.3">
      <c r="A308" s="51" t="s">
        <v>1250</v>
      </c>
      <c r="B308" s="68"/>
      <c r="C308" s="51"/>
      <c r="D308" s="51"/>
      <c r="E308" s="57"/>
      <c r="F308" s="57"/>
      <c r="G308" s="57"/>
    </row>
    <row r="309" spans="1:7" customFormat="1" x14ac:dyDescent="0.3">
      <c r="A309" s="71"/>
      <c r="B309" s="71" t="s">
        <v>1402</v>
      </c>
      <c r="C309" s="71" t="s">
        <v>106</v>
      </c>
      <c r="D309" s="71" t="s">
        <v>1224</v>
      </c>
      <c r="E309" s="71"/>
      <c r="F309" s="71" t="s">
        <v>478</v>
      </c>
      <c r="G309" s="71" t="s">
        <v>1227</v>
      </c>
    </row>
    <row r="310" spans="1:7" customFormat="1" x14ac:dyDescent="0.3">
      <c r="A310" s="51" t="s">
        <v>1251</v>
      </c>
      <c r="B310" s="68" t="s">
        <v>571</v>
      </c>
      <c r="C310" s="123" t="s">
        <v>79</v>
      </c>
      <c r="D310" s="51" t="s">
        <v>79</v>
      </c>
      <c r="E310" s="57"/>
      <c r="F310" s="129" t="str">
        <f>IF($C$328=0,"",IF(C310="[For completion]","",C310/$C$328))</f>
        <v/>
      </c>
      <c r="G310" s="129" t="str">
        <f>IF($D$328=0,"",IF(D310="[For completion]","",D310/$D$328))</f>
        <v/>
      </c>
    </row>
    <row r="311" spans="1:7" customFormat="1" x14ac:dyDescent="0.3">
      <c r="A311" s="51" t="s">
        <v>1252</v>
      </c>
      <c r="B311" s="68" t="s">
        <v>571</v>
      </c>
      <c r="C311" s="123" t="s">
        <v>79</v>
      </c>
      <c r="D311" s="51" t="s">
        <v>79</v>
      </c>
      <c r="E311" s="57"/>
      <c r="F311" s="129" t="str">
        <f t="shared" ref="F311:F327" si="16">IF($C$328=0,"",IF(C311="[For completion]","",C311/$C$328))</f>
        <v/>
      </c>
      <c r="G311" s="129" t="str">
        <f t="shared" ref="G311:G327" si="17">IF($D$328=0,"",IF(D311="[For completion]","",D311/$D$328))</f>
        <v/>
      </c>
    </row>
    <row r="312" spans="1:7" customFormat="1" x14ac:dyDescent="0.3">
      <c r="A312" s="51" t="s">
        <v>1253</v>
      </c>
      <c r="B312" s="68" t="s">
        <v>571</v>
      </c>
      <c r="C312" s="123" t="s">
        <v>79</v>
      </c>
      <c r="D312" s="51" t="s">
        <v>79</v>
      </c>
      <c r="E312" s="57"/>
      <c r="F312" s="129" t="str">
        <f t="shared" si="16"/>
        <v/>
      </c>
      <c r="G312" s="129" t="str">
        <f t="shared" si="17"/>
        <v/>
      </c>
    </row>
    <row r="313" spans="1:7" customFormat="1" x14ac:dyDescent="0.3">
      <c r="A313" s="51" t="s">
        <v>1254</v>
      </c>
      <c r="B313" s="68" t="s">
        <v>571</v>
      </c>
      <c r="C313" s="123" t="s">
        <v>79</v>
      </c>
      <c r="D313" s="51" t="s">
        <v>79</v>
      </c>
      <c r="E313" s="57"/>
      <c r="F313" s="129" t="str">
        <f t="shared" si="16"/>
        <v/>
      </c>
      <c r="G313" s="129" t="str">
        <f t="shared" si="17"/>
        <v/>
      </c>
    </row>
    <row r="314" spans="1:7" customFormat="1" x14ac:dyDescent="0.3">
      <c r="A314" s="51" t="s">
        <v>1255</v>
      </c>
      <c r="B314" s="68" t="s">
        <v>571</v>
      </c>
      <c r="C314" s="123" t="s">
        <v>79</v>
      </c>
      <c r="D314" s="51" t="s">
        <v>79</v>
      </c>
      <c r="E314" s="57"/>
      <c r="F314" s="129" t="str">
        <f t="shared" si="16"/>
        <v/>
      </c>
      <c r="G314" s="129" t="str">
        <f t="shared" si="17"/>
        <v/>
      </c>
    </row>
    <row r="315" spans="1:7" customFormat="1" x14ac:dyDescent="0.3">
      <c r="A315" s="51" t="s">
        <v>1256</v>
      </c>
      <c r="B315" s="68" t="s">
        <v>571</v>
      </c>
      <c r="C315" s="123" t="s">
        <v>79</v>
      </c>
      <c r="D315" s="51" t="s">
        <v>79</v>
      </c>
      <c r="E315" s="57"/>
      <c r="F315" s="129" t="str">
        <f t="shared" si="16"/>
        <v/>
      </c>
      <c r="G315" s="129" t="str">
        <f t="shared" si="17"/>
        <v/>
      </c>
    </row>
    <row r="316" spans="1:7" customFormat="1" x14ac:dyDescent="0.3">
      <c r="A316" s="51" t="s">
        <v>1257</v>
      </c>
      <c r="B316" s="68" t="s">
        <v>571</v>
      </c>
      <c r="C316" s="123" t="s">
        <v>79</v>
      </c>
      <c r="D316" s="51" t="s">
        <v>79</v>
      </c>
      <c r="E316" s="57"/>
      <c r="F316" s="129" t="str">
        <f t="shared" si="16"/>
        <v/>
      </c>
      <c r="G316" s="129" t="str">
        <f t="shared" si="17"/>
        <v/>
      </c>
    </row>
    <row r="317" spans="1:7" customFormat="1" x14ac:dyDescent="0.3">
      <c r="A317" s="51" t="s">
        <v>1258</v>
      </c>
      <c r="B317" s="68" t="s">
        <v>571</v>
      </c>
      <c r="C317" s="123" t="s">
        <v>79</v>
      </c>
      <c r="D317" s="51" t="s">
        <v>79</v>
      </c>
      <c r="E317" s="57"/>
      <c r="F317" s="129" t="str">
        <f t="shared" si="16"/>
        <v/>
      </c>
      <c r="G317" s="129" t="str">
        <f t="shared" si="17"/>
        <v/>
      </c>
    </row>
    <row r="318" spans="1:7" customFormat="1" x14ac:dyDescent="0.3">
      <c r="A318" s="51" t="s">
        <v>1259</v>
      </c>
      <c r="B318" s="68" t="s">
        <v>571</v>
      </c>
      <c r="C318" s="123" t="s">
        <v>79</v>
      </c>
      <c r="D318" s="51" t="s">
        <v>79</v>
      </c>
      <c r="E318" s="57"/>
      <c r="F318" s="129" t="str">
        <f t="shared" si="16"/>
        <v/>
      </c>
      <c r="G318" s="129" t="str">
        <f t="shared" si="17"/>
        <v/>
      </c>
    </row>
    <row r="319" spans="1:7" customFormat="1" x14ac:dyDescent="0.3">
      <c r="A319" s="51" t="s">
        <v>1260</v>
      </c>
      <c r="B319" s="68" t="s">
        <v>571</v>
      </c>
      <c r="C319" s="123" t="s">
        <v>79</v>
      </c>
      <c r="D319" s="51" t="s">
        <v>79</v>
      </c>
      <c r="E319" s="57"/>
      <c r="F319" s="129" t="str">
        <f t="shared" si="16"/>
        <v/>
      </c>
      <c r="G319" s="129" t="str">
        <f t="shared" si="17"/>
        <v/>
      </c>
    </row>
    <row r="320" spans="1:7" customFormat="1" x14ac:dyDescent="0.3">
      <c r="A320" s="51" t="s">
        <v>1298</v>
      </c>
      <c r="B320" s="68" t="s">
        <v>571</v>
      </c>
      <c r="C320" s="123" t="s">
        <v>79</v>
      </c>
      <c r="D320" s="51" t="s">
        <v>79</v>
      </c>
      <c r="E320" s="57"/>
      <c r="F320" s="129" t="str">
        <f t="shared" si="16"/>
        <v/>
      </c>
      <c r="G320" s="129" t="str">
        <f t="shared" si="17"/>
        <v/>
      </c>
    </row>
    <row r="321" spans="1:7" customFormat="1" x14ac:dyDescent="0.3">
      <c r="A321" s="51" t="s">
        <v>1301</v>
      </c>
      <c r="B321" s="68" t="s">
        <v>571</v>
      </c>
      <c r="C321" s="123" t="s">
        <v>79</v>
      </c>
      <c r="D321" s="51" t="s">
        <v>79</v>
      </c>
      <c r="E321" s="57"/>
      <c r="F321" s="129" t="str">
        <f>IF($C$328=0,"",IF(C321="[For completion]","",C321/$C$328))</f>
        <v/>
      </c>
      <c r="G321" s="129" t="str">
        <f t="shared" si="17"/>
        <v/>
      </c>
    </row>
    <row r="322" spans="1:7" customFormat="1" x14ac:dyDescent="0.3">
      <c r="A322" s="51" t="s">
        <v>1302</v>
      </c>
      <c r="B322" s="68" t="s">
        <v>571</v>
      </c>
      <c r="C322" s="123" t="s">
        <v>79</v>
      </c>
      <c r="D322" s="51" t="s">
        <v>79</v>
      </c>
      <c r="E322" s="57"/>
      <c r="F322" s="129" t="str">
        <f t="shared" si="16"/>
        <v/>
      </c>
      <c r="G322" s="129" t="str">
        <f t="shared" si="17"/>
        <v/>
      </c>
    </row>
    <row r="323" spans="1:7" customFormat="1" x14ac:dyDescent="0.3">
      <c r="A323" s="51" t="s">
        <v>1303</v>
      </c>
      <c r="B323" s="68" t="s">
        <v>571</v>
      </c>
      <c r="C323" s="123" t="s">
        <v>79</v>
      </c>
      <c r="D323" s="51" t="s">
        <v>79</v>
      </c>
      <c r="E323" s="57"/>
      <c r="F323" s="129" t="str">
        <f t="shared" si="16"/>
        <v/>
      </c>
      <c r="G323" s="129" t="str">
        <f t="shared" si="17"/>
        <v/>
      </c>
    </row>
    <row r="324" spans="1:7" customFormat="1" x14ac:dyDescent="0.3">
      <c r="A324" s="51" t="s">
        <v>1304</v>
      </c>
      <c r="B324" s="68" t="s">
        <v>571</v>
      </c>
      <c r="C324" s="123" t="s">
        <v>79</v>
      </c>
      <c r="D324" s="51" t="s">
        <v>79</v>
      </c>
      <c r="E324" s="57"/>
      <c r="F324" s="129" t="str">
        <f t="shared" si="16"/>
        <v/>
      </c>
      <c r="G324" s="129" t="str">
        <f t="shared" si="17"/>
        <v/>
      </c>
    </row>
    <row r="325" spans="1:7" customFormat="1" x14ac:dyDescent="0.3">
      <c r="A325" s="51" t="s">
        <v>1305</v>
      </c>
      <c r="B325" s="68" t="s">
        <v>571</v>
      </c>
      <c r="C325" s="123" t="s">
        <v>79</v>
      </c>
      <c r="D325" s="51" t="s">
        <v>79</v>
      </c>
      <c r="E325" s="57"/>
      <c r="F325" s="129" t="str">
        <f t="shared" si="16"/>
        <v/>
      </c>
      <c r="G325" s="129" t="str">
        <f t="shared" si="17"/>
        <v/>
      </c>
    </row>
    <row r="326" spans="1:7" customFormat="1" x14ac:dyDescent="0.3">
      <c r="A326" s="51" t="s">
        <v>1306</v>
      </c>
      <c r="B326" s="68" t="s">
        <v>571</v>
      </c>
      <c r="C326" s="123" t="s">
        <v>79</v>
      </c>
      <c r="D326" s="51" t="s">
        <v>79</v>
      </c>
      <c r="E326" s="57"/>
      <c r="F326" s="129" t="str">
        <f t="shared" si="16"/>
        <v/>
      </c>
      <c r="G326" s="129" t="str">
        <f t="shared" si="17"/>
        <v/>
      </c>
    </row>
    <row r="327" spans="1:7" customFormat="1" x14ac:dyDescent="0.3">
      <c r="A327" s="51" t="s">
        <v>1307</v>
      </c>
      <c r="B327" s="68" t="s">
        <v>1268</v>
      </c>
      <c r="C327" s="123" t="s">
        <v>79</v>
      </c>
      <c r="D327" s="51" t="s">
        <v>79</v>
      </c>
      <c r="E327" s="57"/>
      <c r="F327" s="129" t="str">
        <f t="shared" si="16"/>
        <v/>
      </c>
      <c r="G327" s="129" t="str">
        <f t="shared" si="17"/>
        <v/>
      </c>
    </row>
    <row r="328" spans="1:7" customFormat="1" x14ac:dyDescent="0.3">
      <c r="A328" s="51" t="s">
        <v>1308</v>
      </c>
      <c r="B328" s="68" t="s">
        <v>137</v>
      </c>
      <c r="C328" s="123">
        <f>SUM(C310:C327)</f>
        <v>0</v>
      </c>
      <c r="D328" s="51">
        <f>SUM(D310:D327)</f>
        <v>0</v>
      </c>
      <c r="E328" s="57"/>
      <c r="F328" s="137">
        <f>SUM(F310:F327)</f>
        <v>0</v>
      </c>
      <c r="G328" s="137">
        <f>SUM(G310:G327)</f>
        <v>0</v>
      </c>
    </row>
    <row r="329" spans="1:7" customFormat="1" x14ac:dyDescent="0.3">
      <c r="A329" s="51" t="s">
        <v>1261</v>
      </c>
      <c r="B329" s="68"/>
      <c r="C329" s="51"/>
      <c r="D329" s="51"/>
      <c r="E329" s="57"/>
      <c r="F329" s="57"/>
      <c r="G329" s="57"/>
    </row>
    <row r="330" spans="1:7" customFormat="1" x14ac:dyDescent="0.3">
      <c r="A330" s="51" t="s">
        <v>1309</v>
      </c>
      <c r="B330" s="68"/>
      <c r="C330" s="51"/>
      <c r="D330" s="51"/>
      <c r="E330" s="57"/>
      <c r="F330" s="57"/>
      <c r="G330" s="57"/>
    </row>
    <row r="331" spans="1:7" customFormat="1" x14ac:dyDescent="0.3">
      <c r="A331" s="51" t="s">
        <v>1310</v>
      </c>
      <c r="B331" s="68"/>
      <c r="C331" s="51"/>
      <c r="D331" s="51"/>
      <c r="E331" s="57"/>
      <c r="F331" s="57"/>
      <c r="G331" s="57"/>
    </row>
    <row r="332" spans="1:7" customFormat="1" x14ac:dyDescent="0.3">
      <c r="A332" s="71"/>
      <c r="B332" s="71" t="s">
        <v>1379</v>
      </c>
      <c r="C332" s="71" t="s">
        <v>106</v>
      </c>
      <c r="D332" s="71" t="s">
        <v>1224</v>
      </c>
      <c r="E332" s="71"/>
      <c r="F332" s="71" t="s">
        <v>478</v>
      </c>
      <c r="G332" s="71" t="s">
        <v>1227</v>
      </c>
    </row>
    <row r="333" spans="1:7" customFormat="1" x14ac:dyDescent="0.3">
      <c r="A333" s="51" t="s">
        <v>1311</v>
      </c>
      <c r="B333" s="68" t="s">
        <v>1217</v>
      </c>
      <c r="C333" s="123" t="s">
        <v>79</v>
      </c>
      <c r="D333" s="51" t="s">
        <v>79</v>
      </c>
      <c r="E333" s="57"/>
      <c r="F333" s="129" t="str">
        <f>IF($C$346=0,"",IF(C333="[For completion]","",C333/$C$346))</f>
        <v/>
      </c>
      <c r="G333" s="129" t="str">
        <f>IF($D$346=0,"",IF(D333="[For completion]","",D333/$D$346))</f>
        <v/>
      </c>
    </row>
    <row r="334" spans="1:7" customFormat="1" x14ac:dyDescent="0.3">
      <c r="A334" s="51" t="s">
        <v>1312</v>
      </c>
      <c r="B334" s="68" t="s">
        <v>1218</v>
      </c>
      <c r="C334" s="123" t="s">
        <v>79</v>
      </c>
      <c r="D334" s="51" t="s">
        <v>79</v>
      </c>
      <c r="E334" s="57"/>
      <c r="F334" s="129" t="str">
        <f t="shared" ref="F334:F345" si="18">IF($C$346=0,"",IF(C334="[For completion]","",C334/$C$346))</f>
        <v/>
      </c>
      <c r="G334" s="129" t="str">
        <f t="shared" ref="G334:G345" si="19">IF($D$346=0,"",IF(D334="[For completion]","",D334/$D$346))</f>
        <v/>
      </c>
    </row>
    <row r="335" spans="1:7" customFormat="1" x14ac:dyDescent="0.3">
      <c r="A335" s="51" t="s">
        <v>1313</v>
      </c>
      <c r="B335" s="68" t="s">
        <v>1383</v>
      </c>
      <c r="C335" s="123" t="s">
        <v>79</v>
      </c>
      <c r="D335" s="51" t="s">
        <v>79</v>
      </c>
      <c r="E335" s="57"/>
      <c r="F335" s="129" t="str">
        <f t="shared" si="18"/>
        <v/>
      </c>
      <c r="G335" s="129" t="str">
        <f t="shared" si="19"/>
        <v/>
      </c>
    </row>
    <row r="336" spans="1:7" customFormat="1" x14ac:dyDescent="0.3">
      <c r="A336" s="51" t="s">
        <v>1314</v>
      </c>
      <c r="B336" s="68" t="s">
        <v>1219</v>
      </c>
      <c r="C336" s="123" t="s">
        <v>79</v>
      </c>
      <c r="D336" s="51" t="s">
        <v>79</v>
      </c>
      <c r="E336" s="57"/>
      <c r="F336" s="129" t="str">
        <f t="shared" si="18"/>
        <v/>
      </c>
      <c r="G336" s="129" t="str">
        <f t="shared" si="19"/>
        <v/>
      </c>
    </row>
    <row r="337" spans="1:7" customFormat="1" x14ac:dyDescent="0.3">
      <c r="A337" s="51" t="s">
        <v>1315</v>
      </c>
      <c r="B337" s="68" t="s">
        <v>1220</v>
      </c>
      <c r="C337" s="123" t="s">
        <v>79</v>
      </c>
      <c r="D337" s="51" t="s">
        <v>79</v>
      </c>
      <c r="E337" s="57"/>
      <c r="F337" s="129" t="str">
        <f t="shared" si="18"/>
        <v/>
      </c>
      <c r="G337" s="129" t="str">
        <f t="shared" si="19"/>
        <v/>
      </c>
    </row>
    <row r="338" spans="1:7" customFormat="1" x14ac:dyDescent="0.3">
      <c r="A338" s="51" t="s">
        <v>1316</v>
      </c>
      <c r="B338" s="68" t="s">
        <v>1221</v>
      </c>
      <c r="C338" s="123" t="s">
        <v>79</v>
      </c>
      <c r="D338" s="51" t="s">
        <v>79</v>
      </c>
      <c r="E338" s="57"/>
      <c r="F338" s="129" t="str">
        <f t="shared" si="18"/>
        <v/>
      </c>
      <c r="G338" s="129" t="str">
        <f t="shared" si="19"/>
        <v/>
      </c>
    </row>
    <row r="339" spans="1:7" customFormat="1" x14ac:dyDescent="0.3">
      <c r="A339" s="51" t="s">
        <v>1317</v>
      </c>
      <c r="B339" s="68" t="s">
        <v>1222</v>
      </c>
      <c r="C339" s="123" t="s">
        <v>79</v>
      </c>
      <c r="D339" s="51" t="s">
        <v>79</v>
      </c>
      <c r="E339" s="57"/>
      <c r="F339" s="129" t="str">
        <f t="shared" si="18"/>
        <v/>
      </c>
      <c r="G339" s="129" t="str">
        <f t="shared" si="19"/>
        <v/>
      </c>
    </row>
    <row r="340" spans="1:7" customFormat="1" x14ac:dyDescent="0.3">
      <c r="A340" s="51" t="s">
        <v>1318</v>
      </c>
      <c r="B340" s="68" t="s">
        <v>1223</v>
      </c>
      <c r="C340" s="123" t="s">
        <v>79</v>
      </c>
      <c r="D340" s="51" t="s">
        <v>79</v>
      </c>
      <c r="E340" s="57"/>
      <c r="F340" s="129" t="str">
        <f t="shared" si="18"/>
        <v/>
      </c>
      <c r="G340" s="129" t="str">
        <f t="shared" si="19"/>
        <v/>
      </c>
    </row>
    <row r="341" spans="1:7" customFormat="1" x14ac:dyDescent="0.3">
      <c r="A341" s="51" t="s">
        <v>1319</v>
      </c>
      <c r="B341" s="68" t="s">
        <v>1634</v>
      </c>
      <c r="C341" s="123" t="s">
        <v>79</v>
      </c>
      <c r="D341" s="51" t="s">
        <v>79</v>
      </c>
      <c r="E341" s="57"/>
      <c r="F341" s="129" t="str">
        <f t="shared" si="18"/>
        <v/>
      </c>
      <c r="G341" s="129" t="str">
        <f t="shared" si="19"/>
        <v/>
      </c>
    </row>
    <row r="342" spans="1:7" customFormat="1" x14ac:dyDescent="0.3">
      <c r="A342" s="51" t="s">
        <v>1320</v>
      </c>
      <c r="B342" s="51" t="s">
        <v>1637</v>
      </c>
      <c r="C342" s="123" t="s">
        <v>79</v>
      </c>
      <c r="D342" s="51" t="s">
        <v>79</v>
      </c>
      <c r="F342" s="129" t="str">
        <f t="shared" si="18"/>
        <v/>
      </c>
      <c r="G342" s="129" t="str">
        <f t="shared" si="19"/>
        <v/>
      </c>
    </row>
    <row r="343" spans="1:7" customFormat="1" x14ac:dyDescent="0.3">
      <c r="A343" s="51" t="s">
        <v>1321</v>
      </c>
      <c r="B343" s="51" t="s">
        <v>1635</v>
      </c>
      <c r="C343" s="123" t="s">
        <v>79</v>
      </c>
      <c r="D343" s="51" t="s">
        <v>79</v>
      </c>
      <c r="F343" s="129" t="str">
        <f t="shared" si="18"/>
        <v/>
      </c>
      <c r="G343" s="129" t="str">
        <f t="shared" si="19"/>
        <v/>
      </c>
    </row>
    <row r="344" spans="1:7" customFormat="1" x14ac:dyDescent="0.3">
      <c r="A344" s="51" t="s">
        <v>1631</v>
      </c>
      <c r="B344" s="68" t="s">
        <v>1636</v>
      </c>
      <c r="C344" s="123" t="s">
        <v>79</v>
      </c>
      <c r="D344" s="51" t="s">
        <v>79</v>
      </c>
      <c r="E344" s="57"/>
      <c r="F344" s="129" t="str">
        <f t="shared" si="18"/>
        <v/>
      </c>
      <c r="G344" s="129" t="str">
        <f t="shared" si="19"/>
        <v/>
      </c>
    </row>
    <row r="345" spans="1:7" customFormat="1" x14ac:dyDescent="0.3">
      <c r="A345" s="51" t="s">
        <v>1632</v>
      </c>
      <c r="B345" s="51" t="s">
        <v>1268</v>
      </c>
      <c r="C345" s="123" t="s">
        <v>79</v>
      </c>
      <c r="D345" s="51" t="s">
        <v>79</v>
      </c>
      <c r="F345" s="129" t="str">
        <f t="shared" si="18"/>
        <v/>
      </c>
      <c r="G345" s="129" t="str">
        <f t="shared" si="19"/>
        <v/>
      </c>
    </row>
    <row r="346" spans="1:7" customFormat="1" x14ac:dyDescent="0.3">
      <c r="A346" s="51" t="s">
        <v>1633</v>
      </c>
      <c r="B346" s="68" t="s">
        <v>137</v>
      </c>
      <c r="C346" s="123">
        <f>SUM(C333:C345)</f>
        <v>0</v>
      </c>
      <c r="D346" s="51">
        <f>SUM(D333:D345)</f>
        <v>0</v>
      </c>
      <c r="E346" s="57"/>
      <c r="F346" s="137">
        <f>SUM(F333:F345)</f>
        <v>0</v>
      </c>
      <c r="G346" s="137">
        <f>SUM(G333:G345)</f>
        <v>0</v>
      </c>
    </row>
    <row r="347" spans="1:7" customFormat="1" x14ac:dyDescent="0.3">
      <c r="A347" s="51" t="s">
        <v>1322</v>
      </c>
      <c r="B347" s="68"/>
      <c r="C347" s="123"/>
      <c r="D347" s="51"/>
      <c r="E347" s="57"/>
      <c r="F347" s="137"/>
      <c r="G347" s="137"/>
    </row>
    <row r="348" spans="1:7" customFormat="1" x14ac:dyDescent="0.3">
      <c r="A348" s="51" t="s">
        <v>1638</v>
      </c>
      <c r="B348" s="68"/>
      <c r="C348" s="123"/>
      <c r="D348" s="51"/>
      <c r="E348" s="57"/>
      <c r="F348" s="137"/>
      <c r="G348" s="137"/>
    </row>
    <row r="349" spans="1:7" customFormat="1" x14ac:dyDescent="0.3">
      <c r="A349" s="51" t="s">
        <v>1639</v>
      </c>
    </row>
    <row r="350" spans="1:7" customFormat="1" x14ac:dyDescent="0.3">
      <c r="A350" s="51" t="s">
        <v>1640</v>
      </c>
    </row>
    <row r="351" spans="1:7" customFormat="1" x14ac:dyDescent="0.3">
      <c r="A351" s="51" t="s">
        <v>1641</v>
      </c>
      <c r="B351" s="68"/>
      <c r="C351" s="123"/>
      <c r="D351" s="51"/>
      <c r="E351" s="57"/>
      <c r="F351" s="137"/>
      <c r="G351" s="137"/>
    </row>
    <row r="352" spans="1:7" customFormat="1" x14ac:dyDescent="0.3">
      <c r="A352" s="51" t="s">
        <v>1642</v>
      </c>
      <c r="B352" s="68"/>
      <c r="C352" s="123"/>
      <c r="D352" s="51"/>
      <c r="E352" s="57"/>
      <c r="F352" s="137"/>
      <c r="G352" s="137"/>
    </row>
    <row r="353" spans="1:7" customFormat="1" x14ac:dyDescent="0.3">
      <c r="A353" s="51" t="s">
        <v>1643</v>
      </c>
      <c r="B353" s="68"/>
      <c r="C353" s="123"/>
      <c r="D353" s="51"/>
      <c r="E353" s="57"/>
      <c r="F353" s="137"/>
      <c r="G353" s="137"/>
    </row>
    <row r="354" spans="1:7" customFormat="1" x14ac:dyDescent="0.3">
      <c r="A354" s="51" t="s">
        <v>1644</v>
      </c>
      <c r="B354" s="68"/>
      <c r="C354" s="123"/>
      <c r="D354" s="51"/>
      <c r="E354" s="57"/>
      <c r="F354" s="137"/>
      <c r="G354" s="137"/>
    </row>
    <row r="355" spans="1:7" customFormat="1" x14ac:dyDescent="0.3">
      <c r="A355" s="51" t="s">
        <v>1645</v>
      </c>
      <c r="B355" s="68"/>
      <c r="C355" s="51"/>
      <c r="D355" s="51"/>
      <c r="E355" s="57"/>
      <c r="F355" s="57"/>
      <c r="G355" s="57"/>
    </row>
    <row r="356" spans="1:7" customFormat="1" x14ac:dyDescent="0.3">
      <c r="A356" s="51" t="s">
        <v>1657</v>
      </c>
      <c r="B356" s="68"/>
      <c r="C356" s="51"/>
      <c r="D356" s="51"/>
      <c r="E356" s="57"/>
      <c r="F356" s="57"/>
      <c r="G356" s="57"/>
    </row>
    <row r="357" spans="1:7" customFormat="1" x14ac:dyDescent="0.3">
      <c r="A357" s="71"/>
      <c r="B357" s="71" t="s">
        <v>1380</v>
      </c>
      <c r="C357" s="71" t="s">
        <v>106</v>
      </c>
      <c r="D357" s="71" t="s">
        <v>1224</v>
      </c>
      <c r="E357" s="71"/>
      <c r="F357" s="71" t="s">
        <v>478</v>
      </c>
      <c r="G357" s="71" t="s">
        <v>1227</v>
      </c>
    </row>
    <row r="358" spans="1:7" customFormat="1" x14ac:dyDescent="0.3">
      <c r="A358" s="51" t="s">
        <v>1438</v>
      </c>
      <c r="B358" s="68" t="s">
        <v>1262</v>
      </c>
      <c r="C358" s="123" t="s">
        <v>79</v>
      </c>
      <c r="D358" s="51" t="s">
        <v>79</v>
      </c>
      <c r="E358" s="57"/>
      <c r="F358" s="129" t="str">
        <f>IF($C$365=0,"",IF(C358="[For completion]","",C358/$C$365))</f>
        <v/>
      </c>
      <c r="G358" s="129" t="str">
        <f>IF($D$365=0,"",IF(D358="[For completion]","",D358/$D$365))</f>
        <v/>
      </c>
    </row>
    <row r="359" spans="1:7" customFormat="1" x14ac:dyDescent="0.3">
      <c r="A359" s="51" t="s">
        <v>1439</v>
      </c>
      <c r="B359" s="141" t="s">
        <v>1263</v>
      </c>
      <c r="C359" s="123" t="s">
        <v>79</v>
      </c>
      <c r="D359" s="51" t="s">
        <v>79</v>
      </c>
      <c r="E359" s="57"/>
      <c r="F359" s="129" t="str">
        <f t="shared" ref="F359:F364" si="20">IF($C$365=0,"",IF(C359="[For completion]","",C359/$C$365))</f>
        <v/>
      </c>
      <c r="G359" s="129" t="str">
        <f t="shared" ref="G359:G364" si="21">IF($D$365=0,"",IF(D359="[For completion]","",D359/$D$365))</f>
        <v/>
      </c>
    </row>
    <row r="360" spans="1:7" customFormat="1" x14ac:dyDescent="0.3">
      <c r="A360" s="51" t="s">
        <v>1440</v>
      </c>
      <c r="B360" s="68" t="s">
        <v>1264</v>
      </c>
      <c r="C360" s="123" t="s">
        <v>79</v>
      </c>
      <c r="D360" s="51" t="s">
        <v>79</v>
      </c>
      <c r="E360" s="57"/>
      <c r="F360" s="129" t="str">
        <f t="shared" si="20"/>
        <v/>
      </c>
      <c r="G360" s="129" t="str">
        <f t="shared" si="21"/>
        <v/>
      </c>
    </row>
    <row r="361" spans="1:7" customFormat="1" x14ac:dyDescent="0.3">
      <c r="A361" s="51" t="s">
        <v>1441</v>
      </c>
      <c r="B361" s="68" t="s">
        <v>1265</v>
      </c>
      <c r="C361" s="123" t="s">
        <v>79</v>
      </c>
      <c r="D361" s="51" t="s">
        <v>79</v>
      </c>
      <c r="E361" s="57"/>
      <c r="F361" s="129" t="str">
        <f t="shared" si="20"/>
        <v/>
      </c>
      <c r="G361" s="129" t="str">
        <f t="shared" si="21"/>
        <v/>
      </c>
    </row>
    <row r="362" spans="1:7" customFormat="1" x14ac:dyDescent="0.3">
      <c r="A362" s="51" t="s">
        <v>1442</v>
      </c>
      <c r="B362" s="68" t="s">
        <v>1266</v>
      </c>
      <c r="C362" s="123" t="s">
        <v>79</v>
      </c>
      <c r="D362" s="51" t="s">
        <v>79</v>
      </c>
      <c r="E362" s="57"/>
      <c r="F362" s="129" t="str">
        <f t="shared" si="20"/>
        <v/>
      </c>
      <c r="G362" s="129" t="str">
        <f t="shared" si="21"/>
        <v/>
      </c>
    </row>
    <row r="363" spans="1:7" customFormat="1" x14ac:dyDescent="0.3">
      <c r="A363" s="51" t="s">
        <v>1443</v>
      </c>
      <c r="B363" s="68" t="s">
        <v>1267</v>
      </c>
      <c r="C363" s="123" t="s">
        <v>79</v>
      </c>
      <c r="D363" s="51" t="s">
        <v>79</v>
      </c>
      <c r="E363" s="57"/>
      <c r="F363" s="129" t="str">
        <f t="shared" si="20"/>
        <v/>
      </c>
      <c r="G363" s="129" t="str">
        <f t="shared" si="21"/>
        <v/>
      </c>
    </row>
    <row r="364" spans="1:7" customFormat="1" x14ac:dyDescent="0.3">
      <c r="A364" s="51" t="s">
        <v>1444</v>
      </c>
      <c r="B364" s="68" t="s">
        <v>1225</v>
      </c>
      <c r="C364" s="123" t="s">
        <v>79</v>
      </c>
      <c r="D364" s="51" t="s">
        <v>79</v>
      </c>
      <c r="E364" s="57"/>
      <c r="F364" s="129" t="str">
        <f t="shared" si="20"/>
        <v/>
      </c>
      <c r="G364" s="129" t="str">
        <f t="shared" si="21"/>
        <v/>
      </c>
    </row>
    <row r="365" spans="1:7" customFormat="1" x14ac:dyDescent="0.3">
      <c r="A365" s="51" t="s">
        <v>1445</v>
      </c>
      <c r="B365" s="68" t="s">
        <v>137</v>
      </c>
      <c r="C365" s="123">
        <f>SUM(C358:C364)</f>
        <v>0</v>
      </c>
      <c r="D365" s="51">
        <f>SUM(D358:D364)</f>
        <v>0</v>
      </c>
      <c r="E365" s="57"/>
      <c r="F365" s="137">
        <f>SUM(F358:F364)</f>
        <v>0</v>
      </c>
      <c r="G365" s="137">
        <f>SUM(G358:G364)</f>
        <v>0</v>
      </c>
    </row>
    <row r="366" spans="1:7" customFormat="1" x14ac:dyDescent="0.3">
      <c r="A366" s="51" t="s">
        <v>1323</v>
      </c>
      <c r="B366" s="68"/>
      <c r="C366" s="51"/>
      <c r="D366" s="51"/>
      <c r="E366" s="57"/>
      <c r="F366" s="57"/>
      <c r="G366" s="57"/>
    </row>
    <row r="367" spans="1:7" customFormat="1" x14ac:dyDescent="0.3">
      <c r="A367" s="71"/>
      <c r="B367" s="71" t="s">
        <v>1381</v>
      </c>
      <c r="C367" s="71" t="s">
        <v>106</v>
      </c>
      <c r="D367" s="71" t="s">
        <v>1224</v>
      </c>
      <c r="E367" s="71"/>
      <c r="F367" s="71" t="s">
        <v>478</v>
      </c>
      <c r="G367" s="71" t="s">
        <v>1227</v>
      </c>
    </row>
    <row r="368" spans="1:7" customFormat="1" x14ac:dyDescent="0.3">
      <c r="A368" s="51" t="s">
        <v>1446</v>
      </c>
      <c r="B368" s="68" t="s">
        <v>1349</v>
      </c>
      <c r="C368" s="123" t="s">
        <v>79</v>
      </c>
      <c r="D368" s="51" t="s">
        <v>79</v>
      </c>
      <c r="E368" s="57"/>
      <c r="F368" s="129" t="str">
        <f>IF($C$372=0,"",IF(C368="[For completion]","",C368/$C$372))</f>
        <v/>
      </c>
      <c r="G368" s="129" t="str">
        <f>IF($D$372=0,"",IF(D368="[For completion]","",D368/$D$372))</f>
        <v/>
      </c>
    </row>
    <row r="369" spans="1:7" customFormat="1" x14ac:dyDescent="0.3">
      <c r="A369" s="51" t="s">
        <v>1447</v>
      </c>
      <c r="B369" s="141" t="s">
        <v>1353</v>
      </c>
      <c r="C369" s="123" t="s">
        <v>79</v>
      </c>
      <c r="D369" s="51" t="s">
        <v>79</v>
      </c>
      <c r="E369" s="57"/>
      <c r="F369" s="129" t="str">
        <f>IF($C$372=0,"",IF(C369="[For completion]","",C369/$C$372))</f>
        <v/>
      </c>
      <c r="G369" s="129" t="str">
        <f>IF($D$372=0,"",IF(D369="[For completion]","",D369/$D$372))</f>
        <v/>
      </c>
    </row>
    <row r="370" spans="1:7" customFormat="1" x14ac:dyDescent="0.3">
      <c r="A370" s="51" t="s">
        <v>1448</v>
      </c>
      <c r="B370" s="68" t="s">
        <v>1225</v>
      </c>
      <c r="C370" s="123" t="s">
        <v>79</v>
      </c>
      <c r="D370" s="51" t="s">
        <v>79</v>
      </c>
      <c r="E370" s="57"/>
      <c r="F370" s="129" t="str">
        <f>IF($C$372=0,"",IF(C370="[For completion]","",C370/$C$372))</f>
        <v/>
      </c>
      <c r="G370" s="129" t="str">
        <f>IF($D$372=0,"",IF(D370="[For completion]","",D370/$D$372))</f>
        <v/>
      </c>
    </row>
    <row r="371" spans="1:7" customFormat="1" x14ac:dyDescent="0.3">
      <c r="A371" s="51" t="s">
        <v>1449</v>
      </c>
      <c r="B371" s="51" t="s">
        <v>1268</v>
      </c>
      <c r="C371" s="123" t="s">
        <v>79</v>
      </c>
      <c r="D371" s="51" t="s">
        <v>79</v>
      </c>
      <c r="E371" s="57"/>
      <c r="F371" s="129" t="str">
        <f>IF($C$372=0,"",IF(C371="[For completion]","",C371/$C$372))</f>
        <v/>
      </c>
      <c r="G371" s="129" t="str">
        <f>IF($D$372=0,"",IF(D371="[For completion]","",D371/$D$372))</f>
        <v/>
      </c>
    </row>
    <row r="372" spans="1:7" customFormat="1" x14ac:dyDescent="0.3">
      <c r="A372" s="51" t="s">
        <v>1450</v>
      </c>
      <c r="B372" s="68" t="s">
        <v>137</v>
      </c>
      <c r="C372" s="123">
        <f>SUM(C368:C371)</f>
        <v>0</v>
      </c>
      <c r="D372" s="51">
        <f>SUM(D368:D371)</f>
        <v>0</v>
      </c>
      <c r="E372" s="57"/>
      <c r="F372" s="137">
        <f>SUM(F368:F371)</f>
        <v>0</v>
      </c>
      <c r="G372" s="137">
        <f>SUM(G368:G371)</f>
        <v>0</v>
      </c>
    </row>
    <row r="373" spans="1:7" customFormat="1" x14ac:dyDescent="0.3">
      <c r="A373" s="51" t="s">
        <v>1451</v>
      </c>
      <c r="B373" s="68"/>
      <c r="C373" s="51"/>
      <c r="D373" s="51"/>
      <c r="E373" s="57"/>
      <c r="F373" s="57"/>
      <c r="G373" s="57"/>
    </row>
    <row r="374" spans="1:7" customFormat="1" ht="15" customHeight="1" x14ac:dyDescent="0.3">
      <c r="A374" s="71"/>
      <c r="B374" s="71" t="s">
        <v>1704</v>
      </c>
      <c r="C374" s="71" t="s">
        <v>1624</v>
      </c>
      <c r="D374" s="71" t="s">
        <v>1625</v>
      </c>
      <c r="E374" s="71"/>
      <c r="F374" s="71" t="s">
        <v>1626</v>
      </c>
      <c r="G374" s="71" t="s">
        <v>1718</v>
      </c>
    </row>
    <row r="375" spans="1:7" customFormat="1" x14ac:dyDescent="0.3">
      <c r="A375" s="51" t="s">
        <v>1452</v>
      </c>
      <c r="B375" s="68" t="s">
        <v>1262</v>
      </c>
      <c r="C375" s="123" t="s">
        <v>79</v>
      </c>
      <c r="D375" s="123" t="s">
        <v>79</v>
      </c>
      <c r="E375" s="49"/>
      <c r="F375" s="143" t="s">
        <v>79</v>
      </c>
      <c r="G375" s="143" t="s">
        <v>79</v>
      </c>
    </row>
    <row r="376" spans="1:7" customFormat="1" x14ac:dyDescent="0.3">
      <c r="A376" s="51" t="s">
        <v>1453</v>
      </c>
      <c r="B376" s="68" t="s">
        <v>1263</v>
      </c>
      <c r="C376" s="123" t="s">
        <v>79</v>
      </c>
      <c r="D376" s="123" t="s">
        <v>79</v>
      </c>
      <c r="E376" s="49"/>
      <c r="F376" s="143" t="s">
        <v>79</v>
      </c>
      <c r="G376" s="143" t="s">
        <v>79</v>
      </c>
    </row>
    <row r="377" spans="1:7" customFormat="1" x14ac:dyDescent="0.3">
      <c r="A377" s="51" t="s">
        <v>1454</v>
      </c>
      <c r="B377" s="68" t="s">
        <v>1264</v>
      </c>
      <c r="C377" s="123" t="s">
        <v>79</v>
      </c>
      <c r="D377" s="123" t="s">
        <v>79</v>
      </c>
      <c r="E377" s="49"/>
      <c r="F377" s="143" t="s">
        <v>79</v>
      </c>
      <c r="G377" s="143" t="s">
        <v>79</v>
      </c>
    </row>
    <row r="378" spans="1:7" customFormat="1" x14ac:dyDescent="0.3">
      <c r="A378" s="51" t="s">
        <v>1455</v>
      </c>
      <c r="B378" s="68" t="s">
        <v>1265</v>
      </c>
      <c r="C378" s="123" t="s">
        <v>79</v>
      </c>
      <c r="D378" s="123" t="s">
        <v>79</v>
      </c>
      <c r="E378" s="49"/>
      <c r="F378" s="143" t="s">
        <v>79</v>
      </c>
      <c r="G378" s="143" t="s">
        <v>79</v>
      </c>
    </row>
    <row r="379" spans="1:7" customFormat="1" x14ac:dyDescent="0.3">
      <c r="A379" s="51" t="s">
        <v>1456</v>
      </c>
      <c r="B379" s="68" t="s">
        <v>1266</v>
      </c>
      <c r="C379" s="123" t="s">
        <v>79</v>
      </c>
      <c r="D379" s="123" t="s">
        <v>79</v>
      </c>
      <c r="E379" s="49"/>
      <c r="F379" s="143" t="s">
        <v>79</v>
      </c>
      <c r="G379" s="143" t="s">
        <v>79</v>
      </c>
    </row>
    <row r="380" spans="1:7" customFormat="1" x14ac:dyDescent="0.3">
      <c r="A380" s="51" t="s">
        <v>1457</v>
      </c>
      <c r="B380" s="68" t="s">
        <v>1267</v>
      </c>
      <c r="C380" s="123" t="s">
        <v>79</v>
      </c>
      <c r="D380" s="123" t="s">
        <v>79</v>
      </c>
      <c r="E380" s="49"/>
      <c r="F380" s="143" t="s">
        <v>79</v>
      </c>
      <c r="G380" s="143" t="s">
        <v>79</v>
      </c>
    </row>
    <row r="381" spans="1:7" customFormat="1" x14ac:dyDescent="0.3">
      <c r="A381" s="51" t="s">
        <v>1458</v>
      </c>
      <c r="B381" s="68" t="s">
        <v>1225</v>
      </c>
      <c r="C381" s="123" t="s">
        <v>79</v>
      </c>
      <c r="D381" s="123" t="s">
        <v>79</v>
      </c>
      <c r="E381" s="49"/>
      <c r="F381" s="143" t="s">
        <v>79</v>
      </c>
      <c r="G381" s="143" t="s">
        <v>79</v>
      </c>
    </row>
    <row r="382" spans="1:7" customFormat="1" x14ac:dyDescent="0.3">
      <c r="A382" s="51" t="s">
        <v>1459</v>
      </c>
      <c r="B382" s="68" t="s">
        <v>137</v>
      </c>
      <c r="C382" s="123">
        <f>SUM(C375:C381)</f>
        <v>0</v>
      </c>
      <c r="D382" s="123">
        <f>SUM(D375:D381)</f>
        <v>0</v>
      </c>
      <c r="E382" s="49"/>
      <c r="F382" s="143"/>
      <c r="G382" s="129"/>
    </row>
    <row r="383" spans="1:7" customFormat="1" x14ac:dyDescent="0.3">
      <c r="A383" s="51" t="s">
        <v>1460</v>
      </c>
      <c r="B383" s="68" t="s">
        <v>1623</v>
      </c>
      <c r="C383" s="51"/>
      <c r="D383" s="51"/>
      <c r="E383" s="49"/>
      <c r="F383" s="143" t="s">
        <v>79</v>
      </c>
      <c r="G383" s="129" t="str">
        <f>IF($D$393=0,"",IF(D382="[For completion]","",D382/$D$393))</f>
        <v/>
      </c>
    </row>
    <row r="384" spans="1:7" customFormat="1" x14ac:dyDescent="0.3">
      <c r="A384" s="51" t="s">
        <v>1461</v>
      </c>
      <c r="B384" s="51"/>
      <c r="C384" s="51"/>
      <c r="D384" s="51"/>
      <c r="E384" s="51"/>
      <c r="F384" s="51"/>
      <c r="G384" s="129" t="str">
        <f>IF($D$393=0,"",IF(D383="[For completion]","",D383/$D$393))</f>
        <v/>
      </c>
    </row>
    <row r="385" spans="1:7" customFormat="1" x14ac:dyDescent="0.3">
      <c r="A385" s="51" t="s">
        <v>1462</v>
      </c>
      <c r="B385" s="68"/>
      <c r="C385" s="123"/>
      <c r="D385" s="51"/>
      <c r="E385" s="49"/>
      <c r="F385" s="129"/>
      <c r="G385" s="129" t="str">
        <f t="shared" ref="G385:G393" si="22">IF($D$393=0,"",IF(D385="[For completion]","",D385/$D$393))</f>
        <v/>
      </c>
    </row>
    <row r="386" spans="1:7" customFormat="1" x14ac:dyDescent="0.3">
      <c r="A386" s="51" t="s">
        <v>1463</v>
      </c>
      <c r="B386" s="68"/>
      <c r="C386" s="123"/>
      <c r="D386" s="51"/>
      <c r="E386" s="49"/>
      <c r="F386" s="129"/>
      <c r="G386" s="129" t="str">
        <f t="shared" si="22"/>
        <v/>
      </c>
    </row>
    <row r="387" spans="1:7" customFormat="1" x14ac:dyDescent="0.3">
      <c r="A387" s="51" t="s">
        <v>1464</v>
      </c>
      <c r="B387" s="68"/>
      <c r="C387" s="123"/>
      <c r="D387" s="51"/>
      <c r="E387" s="49"/>
      <c r="F387" s="129"/>
      <c r="G387" s="129" t="str">
        <f t="shared" si="22"/>
        <v/>
      </c>
    </row>
    <row r="388" spans="1:7" customFormat="1" x14ac:dyDescent="0.3">
      <c r="A388" s="51" t="s">
        <v>1465</v>
      </c>
      <c r="B388" s="68"/>
      <c r="C388" s="123"/>
      <c r="D388" s="51"/>
      <c r="E388" s="49"/>
      <c r="F388" s="129"/>
      <c r="G388" s="129" t="str">
        <f t="shared" si="22"/>
        <v/>
      </c>
    </row>
    <row r="389" spans="1:7" customFormat="1" x14ac:dyDescent="0.3">
      <c r="A389" s="51" t="s">
        <v>1466</v>
      </c>
      <c r="B389" s="68"/>
      <c r="C389" s="123"/>
      <c r="D389" s="51"/>
      <c r="E389" s="49"/>
      <c r="F389" s="129"/>
      <c r="G389" s="129" t="str">
        <f t="shared" si="22"/>
        <v/>
      </c>
    </row>
    <row r="390" spans="1:7" customFormat="1" x14ac:dyDescent="0.3">
      <c r="A390" s="51" t="s">
        <v>1467</v>
      </c>
      <c r="B390" s="68"/>
      <c r="C390" s="123"/>
      <c r="D390" s="51"/>
      <c r="E390" s="49"/>
      <c r="F390" s="129"/>
      <c r="G390" s="129" t="str">
        <f t="shared" si="22"/>
        <v/>
      </c>
    </row>
    <row r="391" spans="1:7" customFormat="1" x14ac:dyDescent="0.3">
      <c r="A391" s="51" t="s">
        <v>1468</v>
      </c>
      <c r="B391" s="68"/>
      <c r="C391" s="123"/>
      <c r="D391" s="51"/>
      <c r="E391" s="49"/>
      <c r="F391" s="129"/>
      <c r="G391" s="129" t="str">
        <f t="shared" si="22"/>
        <v/>
      </c>
    </row>
    <row r="392" spans="1:7" customFormat="1" x14ac:dyDescent="0.3">
      <c r="A392" s="51" t="s">
        <v>1469</v>
      </c>
      <c r="B392" s="68"/>
      <c r="C392" s="123"/>
      <c r="D392" s="51"/>
      <c r="E392" s="49"/>
      <c r="F392" s="129"/>
      <c r="G392" s="129" t="str">
        <f t="shared" si="22"/>
        <v/>
      </c>
    </row>
    <row r="393" spans="1:7" customFormat="1" x14ac:dyDescent="0.3">
      <c r="A393" s="51" t="s">
        <v>1470</v>
      </c>
      <c r="B393" s="68"/>
      <c r="C393" s="123"/>
      <c r="D393" s="51"/>
      <c r="E393" s="49"/>
      <c r="F393" s="129"/>
      <c r="G393" s="129" t="str">
        <f t="shared" si="22"/>
        <v/>
      </c>
    </row>
    <row r="394" spans="1:7" customFormat="1" x14ac:dyDescent="0.3">
      <c r="A394" s="51" t="s">
        <v>1471</v>
      </c>
      <c r="B394" s="51"/>
      <c r="C394" s="148"/>
      <c r="D394" s="51"/>
      <c r="E394" s="49"/>
      <c r="F394" s="49"/>
      <c r="G394" s="49"/>
    </row>
    <row r="395" spans="1:7" customFormat="1" x14ac:dyDescent="0.3">
      <c r="A395" s="51" t="s">
        <v>1472</v>
      </c>
      <c r="B395" s="51"/>
      <c r="C395" s="148"/>
      <c r="D395" s="51"/>
      <c r="E395" s="49"/>
      <c r="F395" s="49"/>
      <c r="G395" s="49"/>
    </row>
    <row r="396" spans="1:7" customFormat="1" x14ac:dyDescent="0.3">
      <c r="A396" s="51" t="s">
        <v>1473</v>
      </c>
      <c r="B396" s="51"/>
      <c r="C396" s="148"/>
      <c r="D396" s="51"/>
      <c r="E396" s="49"/>
      <c r="F396" s="49"/>
      <c r="G396" s="49"/>
    </row>
    <row r="397" spans="1:7" customFormat="1" x14ac:dyDescent="0.3">
      <c r="A397" s="51" t="s">
        <v>1474</v>
      </c>
      <c r="B397" s="51"/>
      <c r="C397" s="148"/>
      <c r="D397" s="51"/>
      <c r="E397" s="49"/>
      <c r="F397" s="49"/>
      <c r="G397" s="49"/>
    </row>
    <row r="398" spans="1:7" customFormat="1" x14ac:dyDescent="0.3">
      <c r="A398" s="51" t="s">
        <v>1475</v>
      </c>
      <c r="B398" s="51"/>
      <c r="C398" s="148"/>
      <c r="D398" s="51"/>
      <c r="E398" s="49"/>
      <c r="F398" s="49"/>
      <c r="G398" s="49"/>
    </row>
    <row r="399" spans="1:7" customFormat="1" x14ac:dyDescent="0.3">
      <c r="A399" s="51" t="s">
        <v>1476</v>
      </c>
      <c r="B399" s="51"/>
      <c r="C399" s="148"/>
      <c r="D399" s="51"/>
      <c r="E399" s="49"/>
      <c r="F399" s="49"/>
      <c r="G399" s="49"/>
    </row>
    <row r="400" spans="1:7" customFormat="1" x14ac:dyDescent="0.3">
      <c r="A400" s="51" t="s">
        <v>1477</v>
      </c>
      <c r="B400" s="51"/>
      <c r="C400" s="148"/>
      <c r="D400" s="51"/>
      <c r="E400" s="49"/>
      <c r="F400" s="49"/>
      <c r="G400" s="49"/>
    </row>
    <row r="401" spans="1:7" customFormat="1" x14ac:dyDescent="0.3">
      <c r="A401" s="51" t="s">
        <v>1478</v>
      </c>
      <c r="B401" s="51"/>
      <c r="C401" s="148"/>
      <c r="D401" s="51"/>
      <c r="E401" s="49"/>
      <c r="F401" s="49"/>
      <c r="G401" s="49"/>
    </row>
    <row r="402" spans="1:7" customFormat="1" x14ac:dyDescent="0.3">
      <c r="A402" s="51" t="s">
        <v>1479</v>
      </c>
      <c r="B402" s="51"/>
      <c r="C402" s="148"/>
      <c r="D402" s="51"/>
      <c r="E402" s="49"/>
      <c r="F402" s="49"/>
      <c r="G402" s="49"/>
    </row>
    <row r="403" spans="1:7" customFormat="1" x14ac:dyDescent="0.3">
      <c r="A403" s="51" t="s">
        <v>1480</v>
      </c>
      <c r="B403" s="51"/>
      <c r="C403" s="148"/>
      <c r="D403" s="51"/>
      <c r="E403" s="49"/>
      <c r="F403" s="49"/>
      <c r="G403" s="49"/>
    </row>
    <row r="404" spans="1:7" customFormat="1" x14ac:dyDescent="0.3">
      <c r="A404" s="51" t="s">
        <v>1481</v>
      </c>
      <c r="B404" s="51"/>
      <c r="C404" s="148"/>
      <c r="D404" s="51"/>
      <c r="E404" s="49"/>
      <c r="F404" s="49"/>
      <c r="G404" s="49"/>
    </row>
    <row r="405" spans="1:7" customFormat="1" x14ac:dyDescent="0.3">
      <c r="A405" s="51" t="s">
        <v>1482</v>
      </c>
      <c r="B405" s="51"/>
      <c r="C405" s="148"/>
      <c r="D405" s="51"/>
      <c r="E405" s="49"/>
      <c r="F405" s="49"/>
      <c r="G405" s="49"/>
    </row>
    <row r="406" spans="1:7" customFormat="1" x14ac:dyDescent="0.3">
      <c r="A406" s="51" t="s">
        <v>1483</v>
      </c>
      <c r="B406" s="51"/>
      <c r="C406" s="148"/>
      <c r="D406" s="51"/>
      <c r="E406" s="49"/>
      <c r="F406" s="49"/>
      <c r="G406" s="49"/>
    </row>
    <row r="407" spans="1:7" customFormat="1" x14ac:dyDescent="0.3">
      <c r="A407" s="51" t="s">
        <v>1484</v>
      </c>
      <c r="B407" s="51"/>
      <c r="C407" s="148"/>
      <c r="D407" s="51"/>
      <c r="E407" s="49"/>
      <c r="F407" s="49"/>
      <c r="G407" s="49"/>
    </row>
    <row r="408" spans="1:7" customFormat="1" x14ac:dyDescent="0.3">
      <c r="A408" s="51" t="s">
        <v>1485</v>
      </c>
      <c r="B408" s="51"/>
      <c r="C408" s="148"/>
      <c r="D408" s="51"/>
      <c r="E408" s="49"/>
      <c r="F408" s="49"/>
      <c r="G408" s="49"/>
    </row>
    <row r="409" spans="1:7" customFormat="1" x14ac:dyDescent="0.3">
      <c r="A409" s="51" t="s">
        <v>1486</v>
      </c>
      <c r="B409" s="51"/>
      <c r="C409" s="148"/>
      <c r="D409" s="51"/>
      <c r="E409" s="49"/>
      <c r="F409" s="49"/>
      <c r="G409" s="49"/>
    </row>
    <row r="410" spans="1:7" customFormat="1" x14ac:dyDescent="0.3">
      <c r="A410" s="51" t="s">
        <v>1487</v>
      </c>
      <c r="B410" s="51"/>
      <c r="C410" s="148"/>
      <c r="D410" s="51"/>
      <c r="E410" s="49"/>
      <c r="F410" s="49"/>
      <c r="G410" s="49"/>
    </row>
    <row r="411" spans="1:7" customFormat="1" x14ac:dyDescent="0.3">
      <c r="A411" s="51" t="s">
        <v>1488</v>
      </c>
      <c r="B411" s="51"/>
      <c r="C411" s="148"/>
      <c r="D411" s="51"/>
      <c r="E411" s="49"/>
      <c r="F411" s="49"/>
      <c r="G411" s="49"/>
    </row>
    <row r="412" spans="1:7" customFormat="1" x14ac:dyDescent="0.3">
      <c r="A412" s="51" t="s">
        <v>1489</v>
      </c>
      <c r="B412" s="51"/>
      <c r="C412" s="148"/>
      <c r="D412" s="51"/>
      <c r="E412" s="49"/>
      <c r="F412" s="49"/>
      <c r="G412" s="49"/>
    </row>
    <row r="413" spans="1:7" customFormat="1" x14ac:dyDescent="0.3">
      <c r="A413" s="51" t="s">
        <v>1490</v>
      </c>
      <c r="B413" s="51"/>
      <c r="C413" s="148"/>
      <c r="D413" s="51"/>
      <c r="E413" s="49"/>
      <c r="F413" s="49"/>
      <c r="G413" s="49"/>
    </row>
    <row r="414" spans="1:7" customFormat="1" x14ac:dyDescent="0.3">
      <c r="A414" s="51" t="s">
        <v>1491</v>
      </c>
      <c r="B414" s="51"/>
      <c r="C414" s="148"/>
      <c r="D414" s="51"/>
      <c r="E414" s="49"/>
      <c r="F414" s="49"/>
      <c r="G414" s="49"/>
    </row>
    <row r="415" spans="1:7" customFormat="1" x14ac:dyDescent="0.3">
      <c r="A415" s="51" t="s">
        <v>1492</v>
      </c>
      <c r="B415" s="51"/>
      <c r="C415" s="148"/>
      <c r="D415" s="51"/>
      <c r="E415" s="49"/>
      <c r="F415" s="49"/>
      <c r="G415" s="49"/>
    </row>
    <row r="416" spans="1:7" customFormat="1" x14ac:dyDescent="0.3">
      <c r="A416" s="51" t="s">
        <v>1493</v>
      </c>
      <c r="B416" s="51"/>
      <c r="C416" s="148"/>
      <c r="D416" s="51"/>
      <c r="E416" s="49"/>
      <c r="F416" s="49"/>
      <c r="G416" s="49"/>
    </row>
    <row r="417" spans="1:7" customFormat="1" x14ac:dyDescent="0.3">
      <c r="A417" s="51" t="s">
        <v>1494</v>
      </c>
      <c r="B417" s="51"/>
      <c r="C417" s="148"/>
      <c r="D417" s="51"/>
      <c r="E417" s="49"/>
      <c r="F417" s="49"/>
      <c r="G417" s="49"/>
    </row>
    <row r="418" spans="1:7" customFormat="1" x14ac:dyDescent="0.3">
      <c r="A418" s="51" t="s">
        <v>1495</v>
      </c>
      <c r="B418" s="51"/>
      <c r="C418" s="148"/>
      <c r="D418" s="51"/>
      <c r="E418" s="49"/>
      <c r="F418" s="49"/>
      <c r="G418" s="49"/>
    </row>
    <row r="419" spans="1:7" customFormat="1" x14ac:dyDescent="0.3">
      <c r="A419" s="51" t="s">
        <v>1496</v>
      </c>
      <c r="B419" s="51"/>
      <c r="C419" s="148"/>
      <c r="D419" s="51"/>
      <c r="E419" s="49"/>
      <c r="F419" s="49"/>
      <c r="G419" s="49"/>
    </row>
    <row r="420" spans="1:7" customFormat="1" x14ac:dyDescent="0.3">
      <c r="A420" s="51" t="s">
        <v>1497</v>
      </c>
      <c r="B420" s="51"/>
      <c r="C420" s="148"/>
      <c r="D420" s="51"/>
      <c r="E420" s="49"/>
      <c r="F420" s="49"/>
      <c r="G420" s="49"/>
    </row>
    <row r="421" spans="1:7" customFormat="1" x14ac:dyDescent="0.3">
      <c r="A421" s="51" t="s">
        <v>1498</v>
      </c>
      <c r="B421" s="51"/>
      <c r="C421" s="148"/>
      <c r="D421" s="51"/>
      <c r="E421" s="49"/>
      <c r="F421" s="49"/>
      <c r="G421" s="49"/>
    </row>
    <row r="422" spans="1:7" customFormat="1" x14ac:dyDescent="0.3">
      <c r="A422" s="51" t="s">
        <v>1499</v>
      </c>
      <c r="B422" s="51"/>
      <c r="C422" s="148"/>
      <c r="D422" s="51"/>
      <c r="E422" s="49"/>
      <c r="F422" s="49"/>
      <c r="G422" s="49"/>
    </row>
    <row r="423" spans="1:7" ht="18" x14ac:dyDescent="0.3">
      <c r="A423" s="117"/>
      <c r="B423" s="140" t="s">
        <v>444</v>
      </c>
      <c r="C423" s="117"/>
      <c r="D423" s="117"/>
      <c r="E423" s="117"/>
      <c r="F423" s="119"/>
      <c r="G423" s="119"/>
    </row>
    <row r="424" spans="1:7" ht="15" customHeight="1" x14ac:dyDescent="0.3">
      <c r="A424" s="70"/>
      <c r="B424" s="70" t="s">
        <v>1384</v>
      </c>
      <c r="C424" s="70" t="s">
        <v>644</v>
      </c>
      <c r="D424" s="70" t="s">
        <v>645</v>
      </c>
      <c r="E424" s="70"/>
      <c r="F424" s="70" t="s">
        <v>479</v>
      </c>
      <c r="G424" s="70" t="s">
        <v>646</v>
      </c>
    </row>
    <row r="425" spans="1:7" x14ac:dyDescent="0.3">
      <c r="A425" s="51" t="s">
        <v>1269</v>
      </c>
      <c r="B425" s="51" t="s">
        <v>648</v>
      </c>
      <c r="C425" s="123" t="s">
        <v>79</v>
      </c>
      <c r="D425" s="65"/>
      <c r="E425" s="65"/>
      <c r="F425" s="82"/>
      <c r="G425" s="82"/>
    </row>
    <row r="426" spans="1:7" x14ac:dyDescent="0.3">
      <c r="A426" s="65"/>
      <c r="D426" s="65"/>
      <c r="E426" s="65"/>
      <c r="F426" s="82"/>
      <c r="G426" s="82"/>
    </row>
    <row r="427" spans="1:7" x14ac:dyDescent="0.3">
      <c r="B427" s="51" t="s">
        <v>649</v>
      </c>
      <c r="D427" s="65"/>
      <c r="E427" s="65"/>
      <c r="F427" s="82"/>
      <c r="G427" s="82"/>
    </row>
    <row r="428" spans="1:7" x14ac:dyDescent="0.3">
      <c r="A428" s="51" t="s">
        <v>1270</v>
      </c>
      <c r="B428" s="68" t="s">
        <v>571</v>
      </c>
      <c r="C428" s="123" t="s">
        <v>79</v>
      </c>
      <c r="D428" s="124" t="s">
        <v>79</v>
      </c>
      <c r="E428" s="65"/>
      <c r="F428" s="129" t="str">
        <f t="shared" ref="F428:F451" si="23">IF($C$452=0,"",IF(C428="[for completion]","",C428/$C$452))</f>
        <v/>
      </c>
      <c r="G428" s="129" t="str">
        <f t="shared" ref="G428:G451" si="24">IF($D$452=0,"",IF(D428="[for completion]","",D428/$D$452))</f>
        <v/>
      </c>
    </row>
    <row r="429" spans="1:7" x14ac:dyDescent="0.3">
      <c r="A429" s="51" t="s">
        <v>1271</v>
      </c>
      <c r="B429" s="68" t="s">
        <v>571</v>
      </c>
      <c r="C429" s="123" t="s">
        <v>79</v>
      </c>
      <c r="D429" s="124" t="s">
        <v>79</v>
      </c>
      <c r="E429" s="65"/>
      <c r="F429" s="129" t="str">
        <f t="shared" si="23"/>
        <v/>
      </c>
      <c r="G429" s="129" t="str">
        <f t="shared" si="24"/>
        <v/>
      </c>
    </row>
    <row r="430" spans="1:7" x14ac:dyDescent="0.3">
      <c r="A430" s="51" t="s">
        <v>1272</v>
      </c>
      <c r="B430" s="68" t="s">
        <v>571</v>
      </c>
      <c r="C430" s="123" t="s">
        <v>79</v>
      </c>
      <c r="D430" s="124" t="s">
        <v>79</v>
      </c>
      <c r="E430" s="65"/>
      <c r="F430" s="129" t="str">
        <f t="shared" si="23"/>
        <v/>
      </c>
      <c r="G430" s="129" t="str">
        <f t="shared" si="24"/>
        <v/>
      </c>
    </row>
    <row r="431" spans="1:7" x14ac:dyDescent="0.3">
      <c r="A431" s="51" t="s">
        <v>1273</v>
      </c>
      <c r="B431" s="68" t="s">
        <v>571</v>
      </c>
      <c r="C431" s="123" t="s">
        <v>79</v>
      </c>
      <c r="D431" s="124" t="s">
        <v>79</v>
      </c>
      <c r="E431" s="65"/>
      <c r="F431" s="129" t="str">
        <f t="shared" si="23"/>
        <v/>
      </c>
      <c r="G431" s="129" t="str">
        <f t="shared" si="24"/>
        <v/>
      </c>
    </row>
    <row r="432" spans="1:7" x14ac:dyDescent="0.3">
      <c r="A432" s="51" t="s">
        <v>1274</v>
      </c>
      <c r="B432" s="68" t="s">
        <v>571</v>
      </c>
      <c r="C432" s="123" t="s">
        <v>79</v>
      </c>
      <c r="D432" s="124" t="s">
        <v>79</v>
      </c>
      <c r="E432" s="65"/>
      <c r="F432" s="129" t="str">
        <f t="shared" si="23"/>
        <v/>
      </c>
      <c r="G432" s="129" t="str">
        <f t="shared" si="24"/>
        <v/>
      </c>
    </row>
    <row r="433" spans="1:7" x14ac:dyDescent="0.3">
      <c r="A433" s="51" t="s">
        <v>1275</v>
      </c>
      <c r="B433" s="68" t="s">
        <v>571</v>
      </c>
      <c r="C433" s="123" t="s">
        <v>79</v>
      </c>
      <c r="D433" s="124" t="s">
        <v>79</v>
      </c>
      <c r="E433" s="65"/>
      <c r="F433" s="129" t="str">
        <f t="shared" si="23"/>
        <v/>
      </c>
      <c r="G433" s="129" t="str">
        <f t="shared" si="24"/>
        <v/>
      </c>
    </row>
    <row r="434" spans="1:7" x14ac:dyDescent="0.3">
      <c r="A434" s="51" t="s">
        <v>1276</v>
      </c>
      <c r="B434" s="68" t="s">
        <v>571</v>
      </c>
      <c r="C434" s="123" t="s">
        <v>79</v>
      </c>
      <c r="D434" s="124" t="s">
        <v>79</v>
      </c>
      <c r="E434" s="65"/>
      <c r="F434" s="129" t="str">
        <f t="shared" si="23"/>
        <v/>
      </c>
      <c r="G434" s="129" t="str">
        <f t="shared" si="24"/>
        <v/>
      </c>
    </row>
    <row r="435" spans="1:7" x14ac:dyDescent="0.3">
      <c r="A435" s="51" t="s">
        <v>1277</v>
      </c>
      <c r="B435" s="68" t="s">
        <v>571</v>
      </c>
      <c r="C435" s="123" t="s">
        <v>79</v>
      </c>
      <c r="D435" s="124" t="s">
        <v>79</v>
      </c>
      <c r="E435" s="65"/>
      <c r="F435" s="129" t="str">
        <f t="shared" si="23"/>
        <v/>
      </c>
      <c r="G435" s="129" t="str">
        <f t="shared" si="24"/>
        <v/>
      </c>
    </row>
    <row r="436" spans="1:7" x14ac:dyDescent="0.3">
      <c r="A436" s="51" t="s">
        <v>1278</v>
      </c>
      <c r="B436" s="68" t="s">
        <v>571</v>
      </c>
      <c r="C436" s="123" t="s">
        <v>79</v>
      </c>
      <c r="D436" s="124" t="s">
        <v>79</v>
      </c>
      <c r="E436" s="65"/>
      <c r="F436" s="129" t="str">
        <f t="shared" si="23"/>
        <v/>
      </c>
      <c r="G436" s="129" t="str">
        <f t="shared" si="24"/>
        <v/>
      </c>
    </row>
    <row r="437" spans="1:7" x14ac:dyDescent="0.3">
      <c r="A437" s="51" t="s">
        <v>1385</v>
      </c>
      <c r="B437" s="68" t="s">
        <v>571</v>
      </c>
      <c r="C437" s="123" t="s">
        <v>79</v>
      </c>
      <c r="D437" s="124" t="s">
        <v>79</v>
      </c>
      <c r="E437" s="68"/>
      <c r="F437" s="129" t="str">
        <f t="shared" si="23"/>
        <v/>
      </c>
      <c r="G437" s="129" t="str">
        <f t="shared" si="24"/>
        <v/>
      </c>
    </row>
    <row r="438" spans="1:7" x14ac:dyDescent="0.3">
      <c r="A438" s="51" t="s">
        <v>1386</v>
      </c>
      <c r="B438" s="68" t="s">
        <v>571</v>
      </c>
      <c r="C438" s="123" t="s">
        <v>79</v>
      </c>
      <c r="D438" s="124" t="s">
        <v>79</v>
      </c>
      <c r="E438" s="68"/>
      <c r="F438" s="129" t="str">
        <f t="shared" si="23"/>
        <v/>
      </c>
      <c r="G438" s="129" t="str">
        <f t="shared" si="24"/>
        <v/>
      </c>
    </row>
    <row r="439" spans="1:7" x14ac:dyDescent="0.3">
      <c r="A439" s="51" t="s">
        <v>1387</v>
      </c>
      <c r="B439" s="68" t="s">
        <v>571</v>
      </c>
      <c r="C439" s="123" t="s">
        <v>79</v>
      </c>
      <c r="D439" s="124" t="s">
        <v>79</v>
      </c>
      <c r="E439" s="68"/>
      <c r="F439" s="129" t="str">
        <f t="shared" si="23"/>
        <v/>
      </c>
      <c r="G439" s="129" t="str">
        <f t="shared" si="24"/>
        <v/>
      </c>
    </row>
    <row r="440" spans="1:7" x14ac:dyDescent="0.3">
      <c r="A440" s="51" t="s">
        <v>1388</v>
      </c>
      <c r="B440" s="68" t="s">
        <v>571</v>
      </c>
      <c r="C440" s="123" t="s">
        <v>79</v>
      </c>
      <c r="D440" s="124" t="s">
        <v>79</v>
      </c>
      <c r="E440" s="68"/>
      <c r="F440" s="129" t="str">
        <f t="shared" si="23"/>
        <v/>
      </c>
      <c r="G440" s="129" t="str">
        <f t="shared" si="24"/>
        <v/>
      </c>
    </row>
    <row r="441" spans="1:7" x14ac:dyDescent="0.3">
      <c r="A441" s="51" t="s">
        <v>1389</v>
      </c>
      <c r="B441" s="68" t="s">
        <v>571</v>
      </c>
      <c r="C441" s="123" t="s">
        <v>79</v>
      </c>
      <c r="D441" s="124" t="s">
        <v>79</v>
      </c>
      <c r="E441" s="68"/>
      <c r="F441" s="129" t="str">
        <f t="shared" si="23"/>
        <v/>
      </c>
      <c r="G441" s="129" t="str">
        <f t="shared" si="24"/>
        <v/>
      </c>
    </row>
    <row r="442" spans="1:7" x14ac:dyDescent="0.3">
      <c r="A442" s="51" t="s">
        <v>1390</v>
      </c>
      <c r="B442" s="68" t="s">
        <v>571</v>
      </c>
      <c r="C442" s="123" t="s">
        <v>79</v>
      </c>
      <c r="D442" s="124" t="s">
        <v>79</v>
      </c>
      <c r="E442" s="68"/>
      <c r="F442" s="129" t="str">
        <f t="shared" si="23"/>
        <v/>
      </c>
      <c r="G442" s="129" t="str">
        <f t="shared" si="24"/>
        <v/>
      </c>
    </row>
    <row r="443" spans="1:7" x14ac:dyDescent="0.3">
      <c r="A443" s="51" t="s">
        <v>1391</v>
      </c>
      <c r="B443" s="68" t="s">
        <v>571</v>
      </c>
      <c r="C443" s="123" t="s">
        <v>79</v>
      </c>
      <c r="D443" s="124" t="s">
        <v>79</v>
      </c>
      <c r="F443" s="129" t="str">
        <f t="shared" si="23"/>
        <v/>
      </c>
      <c r="G443" s="129" t="str">
        <f t="shared" si="24"/>
        <v/>
      </c>
    </row>
    <row r="444" spans="1:7" x14ac:dyDescent="0.3">
      <c r="A444" s="51" t="s">
        <v>1392</v>
      </c>
      <c r="B444" s="68" t="s">
        <v>571</v>
      </c>
      <c r="C444" s="123" t="s">
        <v>79</v>
      </c>
      <c r="D444" s="124" t="s">
        <v>79</v>
      </c>
      <c r="E444" s="115"/>
      <c r="F444" s="129" t="str">
        <f t="shared" si="23"/>
        <v/>
      </c>
      <c r="G444" s="129" t="str">
        <f t="shared" si="24"/>
        <v/>
      </c>
    </row>
    <row r="445" spans="1:7" x14ac:dyDescent="0.3">
      <c r="A445" s="51" t="s">
        <v>1393</v>
      </c>
      <c r="B445" s="68" t="s">
        <v>571</v>
      </c>
      <c r="C445" s="123" t="s">
        <v>79</v>
      </c>
      <c r="D445" s="124" t="s">
        <v>79</v>
      </c>
      <c r="E445" s="115"/>
      <c r="F445" s="129" t="str">
        <f t="shared" si="23"/>
        <v/>
      </c>
      <c r="G445" s="129" t="str">
        <f t="shared" si="24"/>
        <v/>
      </c>
    </row>
    <row r="446" spans="1:7" x14ac:dyDescent="0.3">
      <c r="A446" s="51" t="s">
        <v>1394</v>
      </c>
      <c r="B446" s="68" t="s">
        <v>571</v>
      </c>
      <c r="C446" s="123" t="s">
        <v>79</v>
      </c>
      <c r="D446" s="124" t="s">
        <v>79</v>
      </c>
      <c r="E446" s="115"/>
      <c r="F446" s="129" t="str">
        <f t="shared" si="23"/>
        <v/>
      </c>
      <c r="G446" s="129" t="str">
        <f t="shared" si="24"/>
        <v/>
      </c>
    </row>
    <row r="447" spans="1:7" x14ac:dyDescent="0.3">
      <c r="A447" s="51" t="s">
        <v>1395</v>
      </c>
      <c r="B447" s="68" t="s">
        <v>571</v>
      </c>
      <c r="C447" s="123" t="s">
        <v>79</v>
      </c>
      <c r="D447" s="124" t="s">
        <v>79</v>
      </c>
      <c r="E447" s="115"/>
      <c r="F447" s="129" t="str">
        <f t="shared" si="23"/>
        <v/>
      </c>
      <c r="G447" s="129" t="str">
        <f t="shared" si="24"/>
        <v/>
      </c>
    </row>
    <row r="448" spans="1:7" x14ac:dyDescent="0.3">
      <c r="A448" s="51" t="s">
        <v>1396</v>
      </c>
      <c r="B448" s="68" t="s">
        <v>571</v>
      </c>
      <c r="C448" s="123" t="s">
        <v>79</v>
      </c>
      <c r="D448" s="124" t="s">
        <v>79</v>
      </c>
      <c r="E448" s="115"/>
      <c r="F448" s="129" t="str">
        <f t="shared" si="23"/>
        <v/>
      </c>
      <c r="G448" s="129" t="str">
        <f t="shared" si="24"/>
        <v/>
      </c>
    </row>
    <row r="449" spans="1:7" x14ac:dyDescent="0.3">
      <c r="A449" s="51" t="s">
        <v>1397</v>
      </c>
      <c r="B449" s="68" t="s">
        <v>571</v>
      </c>
      <c r="C449" s="123" t="s">
        <v>79</v>
      </c>
      <c r="D449" s="124" t="s">
        <v>79</v>
      </c>
      <c r="E449" s="115"/>
      <c r="F449" s="129" t="str">
        <f t="shared" si="23"/>
        <v/>
      </c>
      <c r="G449" s="129" t="str">
        <f t="shared" si="24"/>
        <v/>
      </c>
    </row>
    <row r="450" spans="1:7" x14ac:dyDescent="0.3">
      <c r="A450" s="51" t="s">
        <v>1398</v>
      </c>
      <c r="B450" s="68" t="s">
        <v>571</v>
      </c>
      <c r="C450" s="123" t="s">
        <v>79</v>
      </c>
      <c r="D450" s="124" t="s">
        <v>79</v>
      </c>
      <c r="E450" s="115"/>
      <c r="F450" s="129" t="str">
        <f t="shared" si="23"/>
        <v/>
      </c>
      <c r="G450" s="129" t="str">
        <f t="shared" si="24"/>
        <v/>
      </c>
    </row>
    <row r="451" spans="1:7" x14ac:dyDescent="0.3">
      <c r="A451" s="51" t="s">
        <v>1399</v>
      </c>
      <c r="B451" s="68" t="s">
        <v>571</v>
      </c>
      <c r="C451" s="123" t="s">
        <v>79</v>
      </c>
      <c r="D451" s="124" t="s">
        <v>79</v>
      </c>
      <c r="E451" s="115"/>
      <c r="F451" s="129" t="str">
        <f t="shared" si="23"/>
        <v/>
      </c>
      <c r="G451" s="129" t="str">
        <f t="shared" si="24"/>
        <v/>
      </c>
    </row>
    <row r="452" spans="1:7" x14ac:dyDescent="0.3">
      <c r="A452" s="51" t="s">
        <v>1400</v>
      </c>
      <c r="B452" s="68" t="s">
        <v>137</v>
      </c>
      <c r="C452" s="125">
        <f>SUM(C428:C451)</f>
        <v>0</v>
      </c>
      <c r="D452" s="75">
        <f>SUM(D428:D451)</f>
        <v>0</v>
      </c>
      <c r="E452" s="115"/>
      <c r="F452" s="138">
        <f>SUM(F428:F451)</f>
        <v>0</v>
      </c>
      <c r="G452" s="138">
        <f>SUM(G428:G451)</f>
        <v>0</v>
      </c>
    </row>
    <row r="453" spans="1:7" ht="15" customHeight="1" x14ac:dyDescent="0.3">
      <c r="A453" s="70"/>
      <c r="B453" s="70" t="s">
        <v>1401</v>
      </c>
      <c r="C453" s="70" t="s">
        <v>644</v>
      </c>
      <c r="D453" s="70" t="s">
        <v>645</v>
      </c>
      <c r="E453" s="70"/>
      <c r="F453" s="70" t="s">
        <v>479</v>
      </c>
      <c r="G453" s="70" t="s">
        <v>646</v>
      </c>
    </row>
    <row r="454" spans="1:7" x14ac:dyDescent="0.3">
      <c r="A454" s="51" t="s">
        <v>1279</v>
      </c>
      <c r="B454" s="51" t="s">
        <v>677</v>
      </c>
      <c r="C454" s="120" t="s">
        <v>79</v>
      </c>
      <c r="G454" s="51"/>
    </row>
    <row r="455" spans="1:7" x14ac:dyDescent="0.3">
      <c r="G455" s="51"/>
    </row>
    <row r="456" spans="1:7" x14ac:dyDescent="0.3">
      <c r="B456" s="68" t="s">
        <v>678</v>
      </c>
      <c r="G456" s="51"/>
    </row>
    <row r="457" spans="1:7" x14ac:dyDescent="0.3">
      <c r="A457" s="51" t="s">
        <v>1280</v>
      </c>
      <c r="B457" s="51" t="s">
        <v>680</v>
      </c>
      <c r="C457" s="123" t="s">
        <v>79</v>
      </c>
      <c r="D457" s="124" t="s">
        <v>79</v>
      </c>
      <c r="F457" s="129" t="str">
        <f>IF($C$465=0,"",IF(C457="[for completion]","",C457/$C$465))</f>
        <v/>
      </c>
      <c r="G457" s="129" t="str">
        <f>IF($D$465=0,"",IF(D457="[for completion]","",D457/$D$465))</f>
        <v/>
      </c>
    </row>
    <row r="458" spans="1:7" x14ac:dyDescent="0.3">
      <c r="A458" s="51" t="s">
        <v>1281</v>
      </c>
      <c r="B458" s="51" t="s">
        <v>682</v>
      </c>
      <c r="C458" s="123" t="s">
        <v>79</v>
      </c>
      <c r="D458" s="124" t="s">
        <v>79</v>
      </c>
      <c r="F458" s="129" t="str">
        <f t="shared" ref="F458:F471" si="25">IF($C$465=0,"",IF(C458="[for completion]","",C458/$C$465))</f>
        <v/>
      </c>
      <c r="G458" s="129" t="str">
        <f t="shared" ref="G458:G471" si="26">IF($D$465=0,"",IF(D458="[for completion]","",D458/$D$465))</f>
        <v/>
      </c>
    </row>
    <row r="459" spans="1:7" x14ac:dyDescent="0.3">
      <c r="A459" s="51" t="s">
        <v>1282</v>
      </c>
      <c r="B459" s="51" t="s">
        <v>684</v>
      </c>
      <c r="C459" s="123" t="s">
        <v>79</v>
      </c>
      <c r="D459" s="124" t="s">
        <v>79</v>
      </c>
      <c r="F459" s="129" t="str">
        <f t="shared" si="25"/>
        <v/>
      </c>
      <c r="G459" s="129" t="str">
        <f t="shared" si="26"/>
        <v/>
      </c>
    </row>
    <row r="460" spans="1:7" x14ac:dyDescent="0.3">
      <c r="A460" s="51" t="s">
        <v>1283</v>
      </c>
      <c r="B460" s="51" t="s">
        <v>686</v>
      </c>
      <c r="C460" s="123" t="s">
        <v>79</v>
      </c>
      <c r="D460" s="124" t="s">
        <v>79</v>
      </c>
      <c r="F460" s="129" t="str">
        <f t="shared" si="25"/>
        <v/>
      </c>
      <c r="G460" s="129" t="str">
        <f t="shared" si="26"/>
        <v/>
      </c>
    </row>
    <row r="461" spans="1:7" x14ac:dyDescent="0.3">
      <c r="A461" s="51" t="s">
        <v>1284</v>
      </c>
      <c r="B461" s="51" t="s">
        <v>688</v>
      </c>
      <c r="C461" s="123" t="s">
        <v>79</v>
      </c>
      <c r="D461" s="124" t="s">
        <v>79</v>
      </c>
      <c r="F461" s="129" t="str">
        <f t="shared" si="25"/>
        <v/>
      </c>
      <c r="G461" s="129" t="str">
        <f t="shared" si="26"/>
        <v/>
      </c>
    </row>
    <row r="462" spans="1:7" x14ac:dyDescent="0.3">
      <c r="A462" s="51" t="s">
        <v>1285</v>
      </c>
      <c r="B462" s="51" t="s">
        <v>690</v>
      </c>
      <c r="C462" s="123" t="s">
        <v>79</v>
      </c>
      <c r="D462" s="124" t="s">
        <v>79</v>
      </c>
      <c r="F462" s="129" t="str">
        <f t="shared" si="25"/>
        <v/>
      </c>
      <c r="G462" s="129" t="str">
        <f t="shared" si="26"/>
        <v/>
      </c>
    </row>
    <row r="463" spans="1:7" x14ac:dyDescent="0.3">
      <c r="A463" s="51" t="s">
        <v>1286</v>
      </c>
      <c r="B463" s="51" t="s">
        <v>692</v>
      </c>
      <c r="C463" s="123" t="s">
        <v>79</v>
      </c>
      <c r="D463" s="124" t="s">
        <v>79</v>
      </c>
      <c r="F463" s="129" t="str">
        <f t="shared" si="25"/>
        <v/>
      </c>
      <c r="G463" s="129" t="str">
        <f t="shared" si="26"/>
        <v/>
      </c>
    </row>
    <row r="464" spans="1:7" x14ac:dyDescent="0.3">
      <c r="A464" s="51" t="s">
        <v>1287</v>
      </c>
      <c r="B464" s="51" t="s">
        <v>694</v>
      </c>
      <c r="C464" s="123" t="s">
        <v>79</v>
      </c>
      <c r="D464" s="124" t="s">
        <v>79</v>
      </c>
      <c r="F464" s="129" t="str">
        <f t="shared" si="25"/>
        <v/>
      </c>
      <c r="G464" s="129" t="str">
        <f t="shared" si="26"/>
        <v/>
      </c>
    </row>
    <row r="465" spans="1:7" x14ac:dyDescent="0.3">
      <c r="A465" s="51" t="s">
        <v>1288</v>
      </c>
      <c r="B465" s="77" t="s">
        <v>137</v>
      </c>
      <c r="C465" s="123">
        <f>SUM(C457:C464)</f>
        <v>0</v>
      </c>
      <c r="D465" s="124">
        <f>SUM(D457:D464)</f>
        <v>0</v>
      </c>
      <c r="F465" s="120">
        <f>SUM(F457:F464)</f>
        <v>0</v>
      </c>
      <c r="G465" s="120">
        <f>SUM(G457:G464)</f>
        <v>0</v>
      </c>
    </row>
    <row r="466" spans="1:7" outlineLevel="1" x14ac:dyDescent="0.3">
      <c r="A466" s="51" t="s">
        <v>1289</v>
      </c>
      <c r="B466" s="79" t="s">
        <v>697</v>
      </c>
      <c r="C466" s="123"/>
      <c r="D466" s="124"/>
      <c r="F466" s="129" t="str">
        <f t="shared" si="25"/>
        <v/>
      </c>
      <c r="G466" s="129" t="str">
        <f t="shared" si="26"/>
        <v/>
      </c>
    </row>
    <row r="467" spans="1:7" outlineLevel="1" x14ac:dyDescent="0.3">
      <c r="A467" s="51" t="s">
        <v>1290</v>
      </c>
      <c r="B467" s="79" t="s">
        <v>699</v>
      </c>
      <c r="C467" s="123"/>
      <c r="D467" s="124"/>
      <c r="F467" s="129" t="str">
        <f t="shared" si="25"/>
        <v/>
      </c>
      <c r="G467" s="129" t="str">
        <f t="shared" si="26"/>
        <v/>
      </c>
    </row>
    <row r="468" spans="1:7" outlineLevel="1" x14ac:dyDescent="0.3">
      <c r="A468" s="51" t="s">
        <v>1291</v>
      </c>
      <c r="B468" s="79" t="s">
        <v>701</v>
      </c>
      <c r="C468" s="123"/>
      <c r="D468" s="124"/>
      <c r="F468" s="129" t="str">
        <f t="shared" si="25"/>
        <v/>
      </c>
      <c r="G468" s="129" t="str">
        <f t="shared" si="26"/>
        <v/>
      </c>
    </row>
    <row r="469" spans="1:7" outlineLevel="1" x14ac:dyDescent="0.3">
      <c r="A469" s="51" t="s">
        <v>1292</v>
      </c>
      <c r="B469" s="79" t="s">
        <v>703</v>
      </c>
      <c r="C469" s="123"/>
      <c r="D469" s="124"/>
      <c r="F469" s="129" t="str">
        <f t="shared" si="25"/>
        <v/>
      </c>
      <c r="G469" s="129" t="str">
        <f t="shared" si="26"/>
        <v/>
      </c>
    </row>
    <row r="470" spans="1:7" outlineLevel="1" x14ac:dyDescent="0.3">
      <c r="A470" s="51" t="s">
        <v>1293</v>
      </c>
      <c r="B470" s="79" t="s">
        <v>705</v>
      </c>
      <c r="C470" s="123"/>
      <c r="D470" s="124"/>
      <c r="F470" s="129" t="str">
        <f t="shared" si="25"/>
        <v/>
      </c>
      <c r="G470" s="129" t="str">
        <f t="shared" si="26"/>
        <v/>
      </c>
    </row>
    <row r="471" spans="1:7" outlineLevel="1" x14ac:dyDescent="0.3">
      <c r="A471" s="51" t="s">
        <v>1294</v>
      </c>
      <c r="B471" s="79" t="s">
        <v>707</v>
      </c>
      <c r="C471" s="123"/>
      <c r="D471" s="124"/>
      <c r="F471" s="129" t="str">
        <f t="shared" si="25"/>
        <v/>
      </c>
      <c r="G471" s="129" t="str">
        <f t="shared" si="26"/>
        <v/>
      </c>
    </row>
    <row r="472" spans="1:7" outlineLevel="1" x14ac:dyDescent="0.3">
      <c r="A472" s="51" t="s">
        <v>1295</v>
      </c>
      <c r="B472" s="79"/>
      <c r="F472" s="76"/>
      <c r="G472" s="76"/>
    </row>
    <row r="473" spans="1:7" outlineLevel="1" x14ac:dyDescent="0.3">
      <c r="A473" s="51" t="s">
        <v>1296</v>
      </c>
      <c r="B473" s="79"/>
      <c r="F473" s="76"/>
      <c r="G473" s="76"/>
    </row>
    <row r="474" spans="1:7" outlineLevel="1" x14ac:dyDescent="0.3">
      <c r="A474" s="51" t="s">
        <v>1297</v>
      </c>
      <c r="B474" s="79"/>
      <c r="F474" s="115"/>
      <c r="G474" s="115"/>
    </row>
    <row r="475" spans="1:7" ht="15" customHeight="1" x14ac:dyDescent="0.3">
      <c r="A475" s="70"/>
      <c r="B475" s="70" t="s">
        <v>1405</v>
      </c>
      <c r="C475" s="70" t="s">
        <v>644</v>
      </c>
      <c r="D475" s="70" t="s">
        <v>645</v>
      </c>
      <c r="E475" s="70"/>
      <c r="F475" s="70" t="s">
        <v>479</v>
      </c>
      <c r="G475" s="70" t="s">
        <v>646</v>
      </c>
    </row>
    <row r="476" spans="1:7" x14ac:dyDescent="0.3">
      <c r="A476" s="51" t="s">
        <v>1324</v>
      </c>
      <c r="B476" s="51" t="s">
        <v>677</v>
      </c>
      <c r="C476" s="120" t="s">
        <v>111</v>
      </c>
      <c r="G476" s="51"/>
    </row>
    <row r="477" spans="1:7" x14ac:dyDescent="0.3">
      <c r="G477" s="51"/>
    </row>
    <row r="478" spans="1:7" x14ac:dyDescent="0.3">
      <c r="B478" s="68" t="s">
        <v>678</v>
      </c>
      <c r="G478" s="51"/>
    </row>
    <row r="479" spans="1:7" x14ac:dyDescent="0.3">
      <c r="A479" s="51" t="s">
        <v>1325</v>
      </c>
      <c r="B479" s="51" t="s">
        <v>680</v>
      </c>
      <c r="C479" s="123" t="s">
        <v>111</v>
      </c>
      <c r="D479" s="124" t="s">
        <v>111</v>
      </c>
      <c r="F479" s="129" t="str">
        <f>IF($C$487=0,"",IF(C479="[Mark as ND1 if not relevant]","",C479/$C$487))</f>
        <v/>
      </c>
      <c r="G479" s="129" t="str">
        <f>IF($D$487=0,"",IF(D479="[Mark as ND1 if not relevant]","",D479/$D$487))</f>
        <v/>
      </c>
    </row>
    <row r="480" spans="1:7" x14ac:dyDescent="0.3">
      <c r="A480" s="51" t="s">
        <v>1326</v>
      </c>
      <c r="B480" s="51" t="s">
        <v>682</v>
      </c>
      <c r="C480" s="123" t="s">
        <v>111</v>
      </c>
      <c r="D480" s="124" t="s">
        <v>111</v>
      </c>
      <c r="F480" s="129" t="str">
        <f t="shared" ref="F480:F486" si="27">IF($C$487=0,"",IF(C480="[Mark as ND1 if not relevant]","",C480/$C$487))</f>
        <v/>
      </c>
      <c r="G480" s="129" t="str">
        <f t="shared" ref="G480:G486" si="28">IF($D$487=0,"",IF(D480="[Mark as ND1 if not relevant]","",D480/$D$487))</f>
        <v/>
      </c>
    </row>
    <row r="481" spans="1:7" x14ac:dyDescent="0.3">
      <c r="A481" s="51" t="s">
        <v>1327</v>
      </c>
      <c r="B481" s="51" t="s">
        <v>684</v>
      </c>
      <c r="C481" s="123" t="s">
        <v>111</v>
      </c>
      <c r="D481" s="124" t="s">
        <v>111</v>
      </c>
      <c r="F481" s="129" t="str">
        <f t="shared" si="27"/>
        <v/>
      </c>
      <c r="G481" s="129" t="str">
        <f t="shared" si="28"/>
        <v/>
      </c>
    </row>
    <row r="482" spans="1:7" x14ac:dyDescent="0.3">
      <c r="A482" s="51" t="s">
        <v>1328</v>
      </c>
      <c r="B482" s="51" t="s">
        <v>686</v>
      </c>
      <c r="C482" s="123" t="s">
        <v>111</v>
      </c>
      <c r="D482" s="124" t="s">
        <v>111</v>
      </c>
      <c r="F482" s="129" t="str">
        <f t="shared" si="27"/>
        <v/>
      </c>
      <c r="G482" s="129" t="str">
        <f t="shared" si="28"/>
        <v/>
      </c>
    </row>
    <row r="483" spans="1:7" x14ac:dyDescent="0.3">
      <c r="A483" s="51" t="s">
        <v>1329</v>
      </c>
      <c r="B483" s="51" t="s">
        <v>688</v>
      </c>
      <c r="C483" s="123" t="s">
        <v>111</v>
      </c>
      <c r="D483" s="124" t="s">
        <v>111</v>
      </c>
      <c r="F483" s="129" t="str">
        <f t="shared" si="27"/>
        <v/>
      </c>
      <c r="G483" s="129" t="str">
        <f t="shared" si="28"/>
        <v/>
      </c>
    </row>
    <row r="484" spans="1:7" x14ac:dyDescent="0.3">
      <c r="A484" s="51" t="s">
        <v>1330</v>
      </c>
      <c r="B484" s="51" t="s">
        <v>690</v>
      </c>
      <c r="C484" s="123" t="s">
        <v>111</v>
      </c>
      <c r="D484" s="124" t="s">
        <v>111</v>
      </c>
      <c r="F484" s="129" t="str">
        <f t="shared" si="27"/>
        <v/>
      </c>
      <c r="G484" s="129" t="str">
        <f t="shared" si="28"/>
        <v/>
      </c>
    </row>
    <row r="485" spans="1:7" x14ac:dyDescent="0.3">
      <c r="A485" s="51" t="s">
        <v>1331</v>
      </c>
      <c r="B485" s="51" t="s">
        <v>692</v>
      </c>
      <c r="C485" s="123" t="s">
        <v>111</v>
      </c>
      <c r="D485" s="124" t="s">
        <v>111</v>
      </c>
      <c r="F485" s="129" t="str">
        <f t="shared" si="27"/>
        <v/>
      </c>
      <c r="G485" s="129" t="str">
        <f t="shared" si="28"/>
        <v/>
      </c>
    </row>
    <row r="486" spans="1:7" x14ac:dyDescent="0.3">
      <c r="A486" s="51" t="s">
        <v>1332</v>
      </c>
      <c r="B486" s="51" t="s">
        <v>694</v>
      </c>
      <c r="C486" s="123" t="s">
        <v>111</v>
      </c>
      <c r="D486" s="124" t="s">
        <v>111</v>
      </c>
      <c r="F486" s="129" t="str">
        <f t="shared" si="27"/>
        <v/>
      </c>
      <c r="G486" s="129" t="str">
        <f t="shared" si="28"/>
        <v/>
      </c>
    </row>
    <row r="487" spans="1:7" x14ac:dyDescent="0.3">
      <c r="A487" s="51" t="s">
        <v>1333</v>
      </c>
      <c r="B487" s="77" t="s">
        <v>137</v>
      </c>
      <c r="C487" s="123">
        <f>SUM(C479:C486)</f>
        <v>0</v>
      </c>
      <c r="D487" s="124">
        <f>SUM(D479:D486)</f>
        <v>0</v>
      </c>
      <c r="F487" s="120">
        <f>SUM(F479:F486)</f>
        <v>0</v>
      </c>
      <c r="G487" s="120">
        <f>SUM(G479:G486)</f>
        <v>0</v>
      </c>
    </row>
    <row r="488" spans="1:7" outlineLevel="1" x14ac:dyDescent="0.3">
      <c r="A488" s="51" t="s">
        <v>1334</v>
      </c>
      <c r="B488" s="79" t="s">
        <v>697</v>
      </c>
      <c r="C488" s="123"/>
      <c r="D488" s="124"/>
      <c r="F488" s="129" t="str">
        <f t="shared" ref="F488:F493" si="29">IF($C$487=0,"",IF(C488="[for completion]","",C488/$C$487))</f>
        <v/>
      </c>
      <c r="G488" s="129" t="str">
        <f t="shared" ref="G488:G493" si="30">IF($D$487=0,"",IF(D488="[for completion]","",D488/$D$487))</f>
        <v/>
      </c>
    </row>
    <row r="489" spans="1:7" outlineLevel="1" x14ac:dyDescent="0.3">
      <c r="A489" s="51" t="s">
        <v>1335</v>
      </c>
      <c r="B489" s="79" t="s">
        <v>699</v>
      </c>
      <c r="C489" s="123"/>
      <c r="D489" s="124"/>
      <c r="F489" s="129" t="str">
        <f t="shared" si="29"/>
        <v/>
      </c>
      <c r="G489" s="129" t="str">
        <f t="shared" si="30"/>
        <v/>
      </c>
    </row>
    <row r="490" spans="1:7" outlineLevel="1" x14ac:dyDescent="0.3">
      <c r="A490" s="51" t="s">
        <v>1336</v>
      </c>
      <c r="B490" s="79" t="s">
        <v>701</v>
      </c>
      <c r="C490" s="123"/>
      <c r="D490" s="124"/>
      <c r="F490" s="129" t="str">
        <f t="shared" si="29"/>
        <v/>
      </c>
      <c r="G490" s="129" t="str">
        <f t="shared" si="30"/>
        <v/>
      </c>
    </row>
    <row r="491" spans="1:7" outlineLevel="1" x14ac:dyDescent="0.3">
      <c r="A491" s="51" t="s">
        <v>1337</v>
      </c>
      <c r="B491" s="79" t="s">
        <v>703</v>
      </c>
      <c r="C491" s="123"/>
      <c r="D491" s="124"/>
      <c r="F491" s="129" t="str">
        <f t="shared" si="29"/>
        <v/>
      </c>
      <c r="G491" s="129" t="str">
        <f t="shared" si="30"/>
        <v/>
      </c>
    </row>
    <row r="492" spans="1:7" outlineLevel="1" x14ac:dyDescent="0.3">
      <c r="A492" s="51" t="s">
        <v>1338</v>
      </c>
      <c r="B492" s="79" t="s">
        <v>705</v>
      </c>
      <c r="C492" s="123"/>
      <c r="D492" s="124"/>
      <c r="F492" s="129" t="str">
        <f t="shared" si="29"/>
        <v/>
      </c>
      <c r="G492" s="129" t="str">
        <f t="shared" si="30"/>
        <v/>
      </c>
    </row>
    <row r="493" spans="1:7" outlineLevel="1" x14ac:dyDescent="0.3">
      <c r="A493" s="51" t="s">
        <v>1339</v>
      </c>
      <c r="B493" s="79" t="s">
        <v>707</v>
      </c>
      <c r="C493" s="123"/>
      <c r="D493" s="124"/>
      <c r="F493" s="129" t="str">
        <f t="shared" si="29"/>
        <v/>
      </c>
      <c r="G493" s="129" t="str">
        <f t="shared" si="30"/>
        <v/>
      </c>
    </row>
    <row r="494" spans="1:7" outlineLevel="1" x14ac:dyDescent="0.3">
      <c r="A494" s="51" t="s">
        <v>1340</v>
      </c>
      <c r="B494" s="79"/>
      <c r="F494" s="129"/>
      <c r="G494" s="129"/>
    </row>
    <row r="495" spans="1:7" outlineLevel="1" x14ac:dyDescent="0.3">
      <c r="A495" s="51" t="s">
        <v>1341</v>
      </c>
      <c r="B495" s="79"/>
      <c r="F495" s="129"/>
      <c r="G495" s="129"/>
    </row>
    <row r="496" spans="1:7" outlineLevel="1" x14ac:dyDescent="0.3">
      <c r="A496" s="51" t="s">
        <v>1342</v>
      </c>
      <c r="B496" s="79"/>
      <c r="F496" s="129"/>
      <c r="G496" s="120"/>
    </row>
    <row r="497" spans="1:7" ht="15" customHeight="1" x14ac:dyDescent="0.3">
      <c r="A497" s="70"/>
      <c r="B497" s="70" t="s">
        <v>1406</v>
      </c>
      <c r="C497" s="70" t="s">
        <v>763</v>
      </c>
      <c r="D497" s="70"/>
      <c r="E497" s="70"/>
      <c r="F497" s="70"/>
      <c r="G497" s="73"/>
    </row>
    <row r="498" spans="1:7" x14ac:dyDescent="0.3">
      <c r="A498" s="51" t="s">
        <v>1407</v>
      </c>
      <c r="B498" s="68" t="s">
        <v>764</v>
      </c>
      <c r="C498" s="120" t="s">
        <v>79</v>
      </c>
      <c r="G498" s="51"/>
    </row>
    <row r="499" spans="1:7" x14ac:dyDescent="0.3">
      <c r="A499" s="51" t="s">
        <v>1408</v>
      </c>
      <c r="B499" s="68" t="s">
        <v>765</v>
      </c>
      <c r="C499" s="120" t="s">
        <v>79</v>
      </c>
      <c r="G499" s="51"/>
    </row>
    <row r="500" spans="1:7" x14ac:dyDescent="0.3">
      <c r="A500" s="51" t="s">
        <v>1409</v>
      </c>
      <c r="B500" s="68" t="s">
        <v>766</v>
      </c>
      <c r="C500" s="120" t="s">
        <v>79</v>
      </c>
      <c r="G500" s="51"/>
    </row>
    <row r="501" spans="1:7" x14ac:dyDescent="0.3">
      <c r="A501" s="51" t="s">
        <v>1410</v>
      </c>
      <c r="B501" s="68" t="s">
        <v>767</v>
      </c>
      <c r="C501" s="120" t="s">
        <v>79</v>
      </c>
      <c r="G501" s="51"/>
    </row>
    <row r="502" spans="1:7" x14ac:dyDescent="0.3">
      <c r="A502" s="51" t="s">
        <v>1411</v>
      </c>
      <c r="B502" s="68" t="s">
        <v>768</v>
      </c>
      <c r="C502" s="120" t="s">
        <v>79</v>
      </c>
      <c r="G502" s="51"/>
    </row>
    <row r="503" spans="1:7" x14ac:dyDescent="0.3">
      <c r="A503" s="51" t="s">
        <v>1412</v>
      </c>
      <c r="B503" s="68" t="s">
        <v>769</v>
      </c>
      <c r="C503" s="120" t="s">
        <v>79</v>
      </c>
      <c r="G503" s="51"/>
    </row>
    <row r="504" spans="1:7" x14ac:dyDescent="0.3">
      <c r="A504" s="51" t="s">
        <v>1413</v>
      </c>
      <c r="B504" s="68" t="s">
        <v>770</v>
      </c>
      <c r="C504" s="120" t="s">
        <v>79</v>
      </c>
      <c r="G504" s="51"/>
    </row>
    <row r="505" spans="1:7" x14ac:dyDescent="0.3">
      <c r="A505" s="51" t="s">
        <v>1414</v>
      </c>
      <c r="B505" s="68" t="s">
        <v>1345</v>
      </c>
      <c r="C505" s="120" t="s">
        <v>79</v>
      </c>
      <c r="G505" s="51"/>
    </row>
    <row r="506" spans="1:7" x14ac:dyDescent="0.3">
      <c r="A506" s="51" t="s">
        <v>1415</v>
      </c>
      <c r="B506" s="68" t="s">
        <v>1346</v>
      </c>
      <c r="C506" s="120" t="s">
        <v>79</v>
      </c>
      <c r="G506" s="51"/>
    </row>
    <row r="507" spans="1:7" x14ac:dyDescent="0.3">
      <c r="A507" s="51" t="s">
        <v>1416</v>
      </c>
      <c r="B507" s="68" t="s">
        <v>1347</v>
      </c>
      <c r="C507" s="120" t="s">
        <v>79</v>
      </c>
      <c r="G507" s="51"/>
    </row>
    <row r="508" spans="1:7" x14ac:dyDescent="0.3">
      <c r="A508" s="51" t="s">
        <v>1417</v>
      </c>
      <c r="B508" s="68" t="s">
        <v>771</v>
      </c>
      <c r="C508" s="120" t="s">
        <v>79</v>
      </c>
      <c r="G508" s="51"/>
    </row>
    <row r="509" spans="1:7" x14ac:dyDescent="0.3">
      <c r="A509" s="51" t="s">
        <v>1418</v>
      </c>
      <c r="B509" s="68" t="s">
        <v>1699</v>
      </c>
      <c r="C509" s="120" t="s">
        <v>79</v>
      </c>
      <c r="G509" s="51"/>
    </row>
    <row r="510" spans="1:7" x14ac:dyDescent="0.3">
      <c r="A510" s="51" t="s">
        <v>1419</v>
      </c>
      <c r="B510" s="68" t="s">
        <v>135</v>
      </c>
      <c r="C510" s="120" t="s">
        <v>79</v>
      </c>
      <c r="G510" s="51"/>
    </row>
    <row r="511" spans="1:7" outlineLevel="1" x14ac:dyDescent="0.3">
      <c r="A511" s="51" t="s">
        <v>1420</v>
      </c>
      <c r="B511" s="79" t="s">
        <v>1348</v>
      </c>
      <c r="C511" s="120"/>
      <c r="G511" s="51"/>
    </row>
    <row r="512" spans="1:7" outlineLevel="1" x14ac:dyDescent="0.3">
      <c r="A512" s="51" t="s">
        <v>1421</v>
      </c>
      <c r="B512" s="79" t="s">
        <v>139</v>
      </c>
      <c r="C512" s="120"/>
      <c r="G512" s="51"/>
    </row>
    <row r="513" spans="1:7" outlineLevel="1" x14ac:dyDescent="0.3">
      <c r="A513" s="51" t="s">
        <v>1422</v>
      </c>
      <c r="B513" s="79" t="s">
        <v>139</v>
      </c>
      <c r="C513" s="120"/>
      <c r="G513" s="51"/>
    </row>
    <row r="514" spans="1:7" outlineLevel="1" x14ac:dyDescent="0.3">
      <c r="A514" s="51" t="s">
        <v>1423</v>
      </c>
      <c r="B514" s="79" t="s">
        <v>139</v>
      </c>
      <c r="C514" s="120"/>
      <c r="G514" s="51"/>
    </row>
    <row r="515" spans="1:7" outlineLevel="1" x14ac:dyDescent="0.3">
      <c r="A515" s="51" t="s">
        <v>1424</v>
      </c>
      <c r="B515" s="79" t="s">
        <v>139</v>
      </c>
      <c r="C515" s="120"/>
      <c r="G515" s="51"/>
    </row>
    <row r="516" spans="1:7" outlineLevel="1" x14ac:dyDescent="0.3">
      <c r="A516" s="51" t="s">
        <v>1425</v>
      </c>
      <c r="B516" s="79" t="s">
        <v>139</v>
      </c>
      <c r="C516" s="120"/>
      <c r="G516" s="51"/>
    </row>
    <row r="517" spans="1:7" outlineLevel="1" x14ac:dyDescent="0.3">
      <c r="A517" s="51" t="s">
        <v>1426</v>
      </c>
      <c r="B517" s="79" t="s">
        <v>139</v>
      </c>
      <c r="C517" s="120"/>
      <c r="G517" s="51"/>
    </row>
    <row r="518" spans="1:7" outlineLevel="1" x14ac:dyDescent="0.3">
      <c r="A518" s="51" t="s">
        <v>1427</v>
      </c>
      <c r="B518" s="79" t="s">
        <v>139</v>
      </c>
      <c r="C518" s="120"/>
      <c r="G518" s="51"/>
    </row>
    <row r="519" spans="1:7" outlineLevel="1" x14ac:dyDescent="0.3">
      <c r="A519" s="51" t="s">
        <v>1428</v>
      </c>
      <c r="B519" s="79" t="s">
        <v>139</v>
      </c>
      <c r="C519" s="120"/>
      <c r="G519" s="51"/>
    </row>
    <row r="520" spans="1:7" outlineLevel="1" x14ac:dyDescent="0.3">
      <c r="A520" s="51" t="s">
        <v>1429</v>
      </c>
      <c r="B520" s="79" t="s">
        <v>139</v>
      </c>
      <c r="C520" s="120"/>
      <c r="G520" s="51"/>
    </row>
    <row r="521" spans="1:7" outlineLevel="1" x14ac:dyDescent="0.3">
      <c r="A521" s="51" t="s">
        <v>1430</v>
      </c>
      <c r="B521" s="79" t="s">
        <v>139</v>
      </c>
      <c r="C521" s="120"/>
      <c r="G521" s="51"/>
    </row>
    <row r="522" spans="1:7" outlineLevel="1" x14ac:dyDescent="0.3">
      <c r="A522" s="51" t="s">
        <v>1431</v>
      </c>
      <c r="B522" s="79" t="s">
        <v>139</v>
      </c>
      <c r="C522" s="120"/>
    </row>
    <row r="523" spans="1:7" outlineLevel="1" x14ac:dyDescent="0.3">
      <c r="A523" s="51" t="s">
        <v>1432</v>
      </c>
      <c r="B523" s="79" t="s">
        <v>139</v>
      </c>
      <c r="C523" s="120"/>
    </row>
    <row r="524" spans="1:7" outlineLevel="1" x14ac:dyDescent="0.3">
      <c r="A524" s="51" t="s">
        <v>1433</v>
      </c>
      <c r="B524" s="79" t="s">
        <v>139</v>
      </c>
      <c r="C524" s="120"/>
    </row>
    <row r="525" spans="1:7" customFormat="1" x14ac:dyDescent="0.3">
      <c r="A525" s="128"/>
      <c r="B525" s="128" t="s">
        <v>1434</v>
      </c>
      <c r="C525" s="70" t="s">
        <v>106</v>
      </c>
      <c r="D525" s="70" t="s">
        <v>1226</v>
      </c>
      <c r="E525" s="70"/>
      <c r="F525" s="70" t="s">
        <v>479</v>
      </c>
      <c r="G525" s="70" t="s">
        <v>1228</v>
      </c>
    </row>
    <row r="526" spans="1:7" customFormat="1" x14ac:dyDescent="0.3">
      <c r="A526" s="51" t="s">
        <v>1500</v>
      </c>
      <c r="B526" s="68" t="s">
        <v>571</v>
      </c>
      <c r="C526" s="123" t="s">
        <v>79</v>
      </c>
      <c r="D526" s="124" t="s">
        <v>79</v>
      </c>
      <c r="E526" s="57"/>
      <c r="F526" s="129" t="str">
        <f>IF($C$544=0,"",IF(C526="[for completion]","",IF(C526="","",C526/$C$544)))</f>
        <v/>
      </c>
      <c r="G526" s="129" t="str">
        <f>IF($D$544=0,"",IF(D526="[for completion]","",IF(D526="","",D526/$D$544)))</f>
        <v/>
      </c>
    </row>
    <row r="527" spans="1:7" customFormat="1" x14ac:dyDescent="0.3">
      <c r="A527" s="51" t="s">
        <v>1501</v>
      </c>
      <c r="B527" s="68" t="s">
        <v>571</v>
      </c>
      <c r="C527" s="123" t="s">
        <v>79</v>
      </c>
      <c r="D527" s="124" t="s">
        <v>79</v>
      </c>
      <c r="E527" s="57"/>
      <c r="F527" s="129" t="str">
        <f t="shared" ref="F527:F543" si="31">IF($C$544=0,"",IF(C527="[for completion]","",IF(C527="","",C527/$C$544)))</f>
        <v/>
      </c>
      <c r="G527" s="129" t="str">
        <f t="shared" ref="G527:G543" si="32">IF($D$544=0,"",IF(D527="[for completion]","",IF(D527="","",D527/$D$544)))</f>
        <v/>
      </c>
    </row>
    <row r="528" spans="1:7" customFormat="1" x14ac:dyDescent="0.3">
      <c r="A528" s="51" t="s">
        <v>1502</v>
      </c>
      <c r="B528" s="68" t="s">
        <v>571</v>
      </c>
      <c r="C528" s="123" t="s">
        <v>79</v>
      </c>
      <c r="D528" s="124" t="s">
        <v>79</v>
      </c>
      <c r="E528" s="57"/>
      <c r="F528" s="129" t="str">
        <f t="shared" si="31"/>
        <v/>
      </c>
      <c r="G528" s="129" t="str">
        <f t="shared" si="32"/>
        <v/>
      </c>
    </row>
    <row r="529" spans="1:7" customFormat="1" x14ac:dyDescent="0.3">
      <c r="A529" s="51" t="s">
        <v>1503</v>
      </c>
      <c r="B529" s="68" t="s">
        <v>571</v>
      </c>
      <c r="C529" s="123" t="s">
        <v>79</v>
      </c>
      <c r="D529" s="124" t="s">
        <v>79</v>
      </c>
      <c r="E529" s="57"/>
      <c r="F529" s="129" t="str">
        <f t="shared" si="31"/>
        <v/>
      </c>
      <c r="G529" s="129" t="str">
        <f t="shared" si="32"/>
        <v/>
      </c>
    </row>
    <row r="530" spans="1:7" customFormat="1" x14ac:dyDescent="0.3">
      <c r="A530" s="51" t="s">
        <v>1504</v>
      </c>
      <c r="B530" s="68" t="s">
        <v>571</v>
      </c>
      <c r="C530" s="123" t="s">
        <v>79</v>
      </c>
      <c r="D530" s="124" t="s">
        <v>79</v>
      </c>
      <c r="E530" s="57"/>
      <c r="F530" s="129" t="str">
        <f t="shared" si="31"/>
        <v/>
      </c>
      <c r="G530" s="129" t="str">
        <f t="shared" si="32"/>
        <v/>
      </c>
    </row>
    <row r="531" spans="1:7" customFormat="1" x14ac:dyDescent="0.3">
      <c r="A531" s="51" t="s">
        <v>1505</v>
      </c>
      <c r="B531" s="68" t="s">
        <v>571</v>
      </c>
      <c r="C531" s="123" t="s">
        <v>79</v>
      </c>
      <c r="D531" s="124" t="s">
        <v>79</v>
      </c>
      <c r="E531" s="57"/>
      <c r="F531" s="129" t="str">
        <f t="shared" si="31"/>
        <v/>
      </c>
      <c r="G531" s="129" t="str">
        <f t="shared" si="32"/>
        <v/>
      </c>
    </row>
    <row r="532" spans="1:7" customFormat="1" x14ac:dyDescent="0.3">
      <c r="A532" s="51" t="s">
        <v>1506</v>
      </c>
      <c r="B532" s="68" t="s">
        <v>571</v>
      </c>
      <c r="C532" s="123" t="s">
        <v>79</v>
      </c>
      <c r="D532" s="124" t="s">
        <v>79</v>
      </c>
      <c r="E532" s="57"/>
      <c r="F532" s="129" t="str">
        <f t="shared" si="31"/>
        <v/>
      </c>
      <c r="G532" s="129" t="str">
        <f t="shared" si="32"/>
        <v/>
      </c>
    </row>
    <row r="533" spans="1:7" customFormat="1" x14ac:dyDescent="0.3">
      <c r="A533" s="51" t="s">
        <v>1507</v>
      </c>
      <c r="B533" s="68" t="s">
        <v>571</v>
      </c>
      <c r="C533" s="123" t="s">
        <v>79</v>
      </c>
      <c r="D533" s="124" t="s">
        <v>79</v>
      </c>
      <c r="E533" s="57"/>
      <c r="F533" s="129" t="str">
        <f t="shared" si="31"/>
        <v/>
      </c>
      <c r="G533" s="129" t="str">
        <f t="shared" si="32"/>
        <v/>
      </c>
    </row>
    <row r="534" spans="1:7" customFormat="1" x14ac:dyDescent="0.3">
      <c r="A534" s="51" t="s">
        <v>1508</v>
      </c>
      <c r="B534" s="68" t="s">
        <v>571</v>
      </c>
      <c r="C534" s="123" t="s">
        <v>79</v>
      </c>
      <c r="D534" s="124" t="s">
        <v>79</v>
      </c>
      <c r="E534" s="57"/>
      <c r="F534" s="129" t="str">
        <f t="shared" si="31"/>
        <v/>
      </c>
      <c r="G534" s="129" t="str">
        <f t="shared" si="32"/>
        <v/>
      </c>
    </row>
    <row r="535" spans="1:7" customFormat="1" x14ac:dyDescent="0.3">
      <c r="A535" s="51" t="s">
        <v>1509</v>
      </c>
      <c r="B535" s="68" t="s">
        <v>571</v>
      </c>
      <c r="C535" s="123" t="s">
        <v>79</v>
      </c>
      <c r="D535" s="124" t="s">
        <v>79</v>
      </c>
      <c r="E535" s="57"/>
      <c r="F535" s="129" t="str">
        <f t="shared" si="31"/>
        <v/>
      </c>
      <c r="G535" s="129" t="str">
        <f t="shared" si="32"/>
        <v/>
      </c>
    </row>
    <row r="536" spans="1:7" customFormat="1" x14ac:dyDescent="0.3">
      <c r="A536" s="51" t="s">
        <v>1510</v>
      </c>
      <c r="B536" s="68" t="s">
        <v>571</v>
      </c>
      <c r="C536" s="123" t="s">
        <v>79</v>
      </c>
      <c r="D536" s="124" t="s">
        <v>79</v>
      </c>
      <c r="E536" s="57"/>
      <c r="F536" s="129" t="str">
        <f t="shared" si="31"/>
        <v/>
      </c>
      <c r="G536" s="129" t="str">
        <f t="shared" si="32"/>
        <v/>
      </c>
    </row>
    <row r="537" spans="1:7" customFormat="1" x14ac:dyDescent="0.3">
      <c r="A537" s="51" t="s">
        <v>1511</v>
      </c>
      <c r="B537" s="68" t="s">
        <v>571</v>
      </c>
      <c r="C537" s="123" t="s">
        <v>79</v>
      </c>
      <c r="D537" s="124" t="s">
        <v>79</v>
      </c>
      <c r="E537" s="57"/>
      <c r="F537" s="129" t="str">
        <f t="shared" si="31"/>
        <v/>
      </c>
      <c r="G537" s="129" t="str">
        <f t="shared" si="32"/>
        <v/>
      </c>
    </row>
    <row r="538" spans="1:7" customFormat="1" x14ac:dyDescent="0.3">
      <c r="A538" s="51" t="s">
        <v>1512</v>
      </c>
      <c r="B538" s="68" t="s">
        <v>571</v>
      </c>
      <c r="C538" s="123" t="s">
        <v>79</v>
      </c>
      <c r="D538" s="124" t="s">
        <v>79</v>
      </c>
      <c r="E538" s="57"/>
      <c r="F538" s="129" t="str">
        <f t="shared" si="31"/>
        <v/>
      </c>
      <c r="G538" s="129" t="str">
        <f t="shared" si="32"/>
        <v/>
      </c>
    </row>
    <row r="539" spans="1:7" customFormat="1" x14ac:dyDescent="0.3">
      <c r="A539" s="51" t="s">
        <v>1513</v>
      </c>
      <c r="B539" s="68" t="s">
        <v>571</v>
      </c>
      <c r="C539" s="123" t="s">
        <v>79</v>
      </c>
      <c r="D539" s="124" t="s">
        <v>79</v>
      </c>
      <c r="E539" s="57"/>
      <c r="F539" s="129" t="str">
        <f t="shared" si="31"/>
        <v/>
      </c>
      <c r="G539" s="129" t="str">
        <f t="shared" si="32"/>
        <v/>
      </c>
    </row>
    <row r="540" spans="1:7" customFormat="1" x14ac:dyDescent="0.3">
      <c r="A540" s="51" t="s">
        <v>1514</v>
      </c>
      <c r="B540" s="68" t="s">
        <v>571</v>
      </c>
      <c r="C540" s="123" t="s">
        <v>79</v>
      </c>
      <c r="D540" s="124" t="s">
        <v>79</v>
      </c>
      <c r="E540" s="57"/>
      <c r="F540" s="129" t="str">
        <f t="shared" si="31"/>
        <v/>
      </c>
      <c r="G540" s="129" t="str">
        <f t="shared" si="32"/>
        <v/>
      </c>
    </row>
    <row r="541" spans="1:7" customFormat="1" x14ac:dyDescent="0.3">
      <c r="A541" s="51" t="s">
        <v>1515</v>
      </c>
      <c r="B541" s="68" t="s">
        <v>571</v>
      </c>
      <c r="C541" s="123" t="s">
        <v>79</v>
      </c>
      <c r="D541" s="124" t="s">
        <v>79</v>
      </c>
      <c r="E541" s="57"/>
      <c r="F541" s="129" t="str">
        <f t="shared" si="31"/>
        <v/>
      </c>
      <c r="G541" s="129" t="str">
        <f t="shared" si="32"/>
        <v/>
      </c>
    </row>
    <row r="542" spans="1:7" customFormat="1" x14ac:dyDescent="0.3">
      <c r="A542" s="51" t="s">
        <v>1516</v>
      </c>
      <c r="B542" s="68" t="s">
        <v>571</v>
      </c>
      <c r="C542" s="123" t="s">
        <v>79</v>
      </c>
      <c r="D542" s="124" t="s">
        <v>79</v>
      </c>
      <c r="E542" s="57"/>
      <c r="F542" s="129" t="str">
        <f t="shared" si="31"/>
        <v/>
      </c>
      <c r="G542" s="129" t="str">
        <f t="shared" si="32"/>
        <v/>
      </c>
    </row>
    <row r="543" spans="1:7" customFormat="1" x14ac:dyDescent="0.3">
      <c r="A543" s="51" t="s">
        <v>1517</v>
      </c>
      <c r="B543" s="68" t="s">
        <v>1268</v>
      </c>
      <c r="C543" s="123" t="s">
        <v>79</v>
      </c>
      <c r="D543" s="124" t="s">
        <v>79</v>
      </c>
      <c r="E543" s="57"/>
      <c r="F543" s="129" t="str">
        <f t="shared" si="31"/>
        <v/>
      </c>
      <c r="G543" s="129" t="str">
        <f t="shared" si="32"/>
        <v/>
      </c>
    </row>
    <row r="544" spans="1:7" customFormat="1" x14ac:dyDescent="0.3">
      <c r="A544" s="51" t="s">
        <v>1518</v>
      </c>
      <c r="B544" s="68" t="s">
        <v>137</v>
      </c>
      <c r="C544" s="123">
        <f>SUM(C526:C543)</f>
        <v>0</v>
      </c>
      <c r="D544" s="124">
        <f>SUM(D526:D543)</f>
        <v>0</v>
      </c>
      <c r="E544" s="57"/>
      <c r="F544" s="120">
        <f>SUM(F526:F543)</f>
        <v>0</v>
      </c>
      <c r="G544" s="120">
        <f>SUM(G526:G543)</f>
        <v>0</v>
      </c>
    </row>
    <row r="545" spans="1:7" customFormat="1" x14ac:dyDescent="0.3">
      <c r="A545" s="51" t="s">
        <v>1519</v>
      </c>
      <c r="B545" s="68"/>
      <c r="C545" s="51"/>
      <c r="D545" s="51"/>
      <c r="E545" s="57"/>
      <c r="F545" s="57"/>
      <c r="G545" s="57"/>
    </row>
    <row r="546" spans="1:7" customFormat="1" x14ac:dyDescent="0.3">
      <c r="A546" s="51" t="s">
        <v>1520</v>
      </c>
      <c r="B546" s="68"/>
      <c r="C546" s="51"/>
      <c r="D546" s="51"/>
      <c r="E546" s="57"/>
      <c r="F546" s="57"/>
      <c r="G546" s="57"/>
    </row>
    <row r="547" spans="1:7" customFormat="1" x14ac:dyDescent="0.3">
      <c r="A547" s="51" t="s">
        <v>1521</v>
      </c>
      <c r="B547" s="68"/>
      <c r="C547" s="51"/>
      <c r="D547" s="51"/>
      <c r="E547" s="57"/>
      <c r="F547" s="57"/>
      <c r="G547" s="57"/>
    </row>
    <row r="548" spans="1:7" customFormat="1" x14ac:dyDescent="0.3">
      <c r="A548" s="128"/>
      <c r="B548" s="128" t="s">
        <v>1435</v>
      </c>
      <c r="C548" s="70" t="s">
        <v>106</v>
      </c>
      <c r="D548" s="70" t="s">
        <v>1226</v>
      </c>
      <c r="E548" s="70"/>
      <c r="F548" s="70" t="s">
        <v>479</v>
      </c>
      <c r="G548" s="70" t="s">
        <v>1228</v>
      </c>
    </row>
    <row r="549" spans="1:7" customFormat="1" x14ac:dyDescent="0.3">
      <c r="A549" s="51" t="s">
        <v>1522</v>
      </c>
      <c r="B549" s="68" t="s">
        <v>571</v>
      </c>
      <c r="C549" s="123" t="s">
        <v>79</v>
      </c>
      <c r="D549" s="124" t="s">
        <v>79</v>
      </c>
      <c r="E549" s="57"/>
      <c r="F549" s="129" t="str">
        <f>IF($C$567=0,"",IF(C549="[for completion]","",IF(C549="","",C549/$C$567)))</f>
        <v/>
      </c>
      <c r="G549" s="129" t="str">
        <f>IF($D$567=0,"",IF(D549="[for completion]","",IF(D549="","",D549/$D$567)))</f>
        <v/>
      </c>
    </row>
    <row r="550" spans="1:7" customFormat="1" x14ac:dyDescent="0.3">
      <c r="A550" s="51" t="s">
        <v>1523</v>
      </c>
      <c r="B550" s="68" t="s">
        <v>571</v>
      </c>
      <c r="C550" s="123" t="s">
        <v>79</v>
      </c>
      <c r="D550" s="124" t="s">
        <v>79</v>
      </c>
      <c r="E550" s="57"/>
      <c r="F550" s="129" t="str">
        <f t="shared" ref="F550:F566" si="33">IF($C$567=0,"",IF(C550="[for completion]","",IF(C550="","",C550/$C$567)))</f>
        <v/>
      </c>
      <c r="G550" s="129" t="str">
        <f t="shared" ref="G550:G566" si="34">IF($D$567=0,"",IF(D550="[for completion]","",IF(D550="","",D550/$D$567)))</f>
        <v/>
      </c>
    </row>
    <row r="551" spans="1:7" customFormat="1" x14ac:dyDescent="0.3">
      <c r="A551" s="51" t="s">
        <v>1524</v>
      </c>
      <c r="B551" s="68" t="s">
        <v>571</v>
      </c>
      <c r="C551" s="123" t="s">
        <v>79</v>
      </c>
      <c r="D551" s="124" t="s">
        <v>79</v>
      </c>
      <c r="E551" s="57"/>
      <c r="F551" s="129" t="str">
        <f t="shared" si="33"/>
        <v/>
      </c>
      <c r="G551" s="129" t="str">
        <f t="shared" si="34"/>
        <v/>
      </c>
    </row>
    <row r="552" spans="1:7" customFormat="1" x14ac:dyDescent="0.3">
      <c r="A552" s="51" t="s">
        <v>1525</v>
      </c>
      <c r="B552" s="68" t="s">
        <v>571</v>
      </c>
      <c r="C552" s="123" t="s">
        <v>79</v>
      </c>
      <c r="D552" s="124" t="s">
        <v>79</v>
      </c>
      <c r="E552" s="57"/>
      <c r="F552" s="129" t="str">
        <f t="shared" si="33"/>
        <v/>
      </c>
      <c r="G552" s="129" t="str">
        <f t="shared" si="34"/>
        <v/>
      </c>
    </row>
    <row r="553" spans="1:7" customFormat="1" x14ac:dyDescent="0.3">
      <c r="A553" s="51" t="s">
        <v>1526</v>
      </c>
      <c r="B553" s="68" t="s">
        <v>571</v>
      </c>
      <c r="C553" s="123" t="s">
        <v>79</v>
      </c>
      <c r="D553" s="124" t="s">
        <v>79</v>
      </c>
      <c r="E553" s="57"/>
      <c r="F553" s="129" t="str">
        <f t="shared" si="33"/>
        <v/>
      </c>
      <c r="G553" s="129" t="str">
        <f t="shared" si="34"/>
        <v/>
      </c>
    </row>
    <row r="554" spans="1:7" customFormat="1" x14ac:dyDescent="0.3">
      <c r="A554" s="51" t="s">
        <v>1527</v>
      </c>
      <c r="B554" s="68" t="s">
        <v>571</v>
      </c>
      <c r="C554" s="123" t="s">
        <v>79</v>
      </c>
      <c r="D554" s="124" t="s">
        <v>79</v>
      </c>
      <c r="E554" s="57"/>
      <c r="F554" s="129" t="str">
        <f t="shared" si="33"/>
        <v/>
      </c>
      <c r="G554" s="129" t="str">
        <f t="shared" si="34"/>
        <v/>
      </c>
    </row>
    <row r="555" spans="1:7" customFormat="1" x14ac:dyDescent="0.3">
      <c r="A555" s="51" t="s">
        <v>1528</v>
      </c>
      <c r="B555" s="68" t="s">
        <v>571</v>
      </c>
      <c r="C555" s="123" t="s">
        <v>79</v>
      </c>
      <c r="D555" s="124" t="s">
        <v>79</v>
      </c>
      <c r="E555" s="57"/>
      <c r="F555" s="129" t="str">
        <f t="shared" si="33"/>
        <v/>
      </c>
      <c r="G555" s="129" t="str">
        <f t="shared" si="34"/>
        <v/>
      </c>
    </row>
    <row r="556" spans="1:7" customFormat="1" x14ac:dyDescent="0.3">
      <c r="A556" s="51" t="s">
        <v>1529</v>
      </c>
      <c r="B556" s="68" t="s">
        <v>571</v>
      </c>
      <c r="C556" s="123" t="s">
        <v>79</v>
      </c>
      <c r="D556" s="124" t="s">
        <v>79</v>
      </c>
      <c r="E556" s="57"/>
      <c r="F556" s="129" t="str">
        <f t="shared" si="33"/>
        <v/>
      </c>
      <c r="G556" s="129" t="str">
        <f t="shared" si="34"/>
        <v/>
      </c>
    </row>
    <row r="557" spans="1:7" customFormat="1" x14ac:dyDescent="0.3">
      <c r="A557" s="51" t="s">
        <v>1530</v>
      </c>
      <c r="B557" s="68" t="s">
        <v>571</v>
      </c>
      <c r="C557" s="123" t="s">
        <v>79</v>
      </c>
      <c r="D557" s="124" t="s">
        <v>79</v>
      </c>
      <c r="E557" s="57"/>
      <c r="F557" s="129" t="str">
        <f t="shared" si="33"/>
        <v/>
      </c>
      <c r="G557" s="129" t="str">
        <f t="shared" si="34"/>
        <v/>
      </c>
    </row>
    <row r="558" spans="1:7" customFormat="1" x14ac:dyDescent="0.3">
      <c r="A558" s="51" t="s">
        <v>1531</v>
      </c>
      <c r="B558" s="68" t="s">
        <v>571</v>
      </c>
      <c r="C558" s="123" t="s">
        <v>79</v>
      </c>
      <c r="D558" s="124" t="s">
        <v>79</v>
      </c>
      <c r="E558" s="57"/>
      <c r="F558" s="129" t="str">
        <f t="shared" si="33"/>
        <v/>
      </c>
      <c r="G558" s="129" t="str">
        <f t="shared" si="34"/>
        <v/>
      </c>
    </row>
    <row r="559" spans="1:7" customFormat="1" x14ac:dyDescent="0.3">
      <c r="A559" s="51" t="s">
        <v>1532</v>
      </c>
      <c r="B559" s="68" t="s">
        <v>571</v>
      </c>
      <c r="C559" s="123" t="s">
        <v>79</v>
      </c>
      <c r="D559" s="124" t="s">
        <v>79</v>
      </c>
      <c r="E559" s="57"/>
      <c r="F559" s="129" t="str">
        <f t="shared" si="33"/>
        <v/>
      </c>
      <c r="G559" s="129" t="str">
        <f t="shared" si="34"/>
        <v/>
      </c>
    </row>
    <row r="560" spans="1:7" customFormat="1" x14ac:dyDescent="0.3">
      <c r="A560" s="51" t="s">
        <v>1533</v>
      </c>
      <c r="B560" s="68" t="s">
        <v>571</v>
      </c>
      <c r="C560" s="123" t="s">
        <v>79</v>
      </c>
      <c r="D560" s="124" t="s">
        <v>79</v>
      </c>
      <c r="E560" s="57"/>
      <c r="F560" s="129" t="str">
        <f t="shared" si="33"/>
        <v/>
      </c>
      <c r="G560" s="129" t="str">
        <f t="shared" si="34"/>
        <v/>
      </c>
    </row>
    <row r="561" spans="1:7" customFormat="1" x14ac:dyDescent="0.3">
      <c r="A561" s="51" t="s">
        <v>1534</v>
      </c>
      <c r="B561" s="68" t="s">
        <v>571</v>
      </c>
      <c r="C561" s="123" t="s">
        <v>79</v>
      </c>
      <c r="D561" s="124" t="s">
        <v>79</v>
      </c>
      <c r="E561" s="57"/>
      <c r="F561" s="129" t="str">
        <f t="shared" si="33"/>
        <v/>
      </c>
      <c r="G561" s="129" t="str">
        <f t="shared" si="34"/>
        <v/>
      </c>
    </row>
    <row r="562" spans="1:7" customFormat="1" x14ac:dyDescent="0.3">
      <c r="A562" s="51" t="s">
        <v>1535</v>
      </c>
      <c r="B562" s="68" t="s">
        <v>571</v>
      </c>
      <c r="C562" s="123" t="s">
        <v>79</v>
      </c>
      <c r="D562" s="124" t="s">
        <v>79</v>
      </c>
      <c r="E562" s="57"/>
      <c r="F562" s="129" t="str">
        <f t="shared" si="33"/>
        <v/>
      </c>
      <c r="G562" s="129" t="str">
        <f t="shared" si="34"/>
        <v/>
      </c>
    </row>
    <row r="563" spans="1:7" customFormat="1" x14ac:dyDescent="0.3">
      <c r="A563" s="51" t="s">
        <v>1536</v>
      </c>
      <c r="B563" s="68" t="s">
        <v>571</v>
      </c>
      <c r="C563" s="123" t="s">
        <v>79</v>
      </c>
      <c r="D563" s="124" t="s">
        <v>79</v>
      </c>
      <c r="E563" s="57"/>
      <c r="F563" s="129" t="str">
        <f t="shared" si="33"/>
        <v/>
      </c>
      <c r="G563" s="129" t="str">
        <f t="shared" si="34"/>
        <v/>
      </c>
    </row>
    <row r="564" spans="1:7" customFormat="1" x14ac:dyDescent="0.3">
      <c r="A564" s="51" t="s">
        <v>1537</v>
      </c>
      <c r="B564" s="68" t="s">
        <v>571</v>
      </c>
      <c r="C564" s="123" t="s">
        <v>79</v>
      </c>
      <c r="D564" s="124" t="s">
        <v>79</v>
      </c>
      <c r="E564" s="57"/>
      <c r="F564" s="129" t="str">
        <f t="shared" si="33"/>
        <v/>
      </c>
      <c r="G564" s="129" t="str">
        <f t="shared" si="34"/>
        <v/>
      </c>
    </row>
    <row r="565" spans="1:7" customFormat="1" x14ac:dyDescent="0.3">
      <c r="A565" s="51" t="s">
        <v>1538</v>
      </c>
      <c r="B565" s="68" t="s">
        <v>571</v>
      </c>
      <c r="C565" s="123" t="s">
        <v>79</v>
      </c>
      <c r="D565" s="124" t="s">
        <v>79</v>
      </c>
      <c r="E565" s="57"/>
      <c r="F565" s="129" t="str">
        <f t="shared" si="33"/>
        <v/>
      </c>
      <c r="G565" s="129" t="str">
        <f t="shared" si="34"/>
        <v/>
      </c>
    </row>
    <row r="566" spans="1:7" customFormat="1" x14ac:dyDescent="0.3">
      <c r="A566" s="51" t="s">
        <v>1539</v>
      </c>
      <c r="B566" s="68" t="s">
        <v>1268</v>
      </c>
      <c r="C566" s="123" t="s">
        <v>79</v>
      </c>
      <c r="D566" s="124" t="s">
        <v>79</v>
      </c>
      <c r="E566" s="57"/>
      <c r="F566" s="129" t="str">
        <f t="shared" si="33"/>
        <v/>
      </c>
      <c r="G566" s="129" t="str">
        <f t="shared" si="34"/>
        <v/>
      </c>
    </row>
    <row r="567" spans="1:7" customFormat="1" x14ac:dyDescent="0.3">
      <c r="A567" s="51" t="s">
        <v>1540</v>
      </c>
      <c r="B567" s="68" t="s">
        <v>137</v>
      </c>
      <c r="C567" s="123">
        <f>SUM(C549:C566)</f>
        <v>0</v>
      </c>
      <c r="D567" s="124">
        <f>SUM(D549:D566)</f>
        <v>0</v>
      </c>
      <c r="E567" s="57"/>
      <c r="F567" s="120">
        <f>SUM(F549:F566)</f>
        <v>0</v>
      </c>
      <c r="G567" s="120">
        <f>SUM(G549:G566)</f>
        <v>0</v>
      </c>
    </row>
    <row r="568" spans="1:7" customFormat="1" x14ac:dyDescent="0.3">
      <c r="A568" s="51" t="s">
        <v>1541</v>
      </c>
      <c r="B568" s="68"/>
      <c r="C568" s="51"/>
      <c r="D568" s="51"/>
      <c r="E568" s="57"/>
      <c r="F568" s="57"/>
      <c r="G568" s="57"/>
    </row>
    <row r="569" spans="1:7" customFormat="1" x14ac:dyDescent="0.3">
      <c r="A569" s="51" t="s">
        <v>1542</v>
      </c>
      <c r="B569" s="68"/>
      <c r="C569" s="51"/>
      <c r="D569" s="51"/>
      <c r="E569" s="57"/>
      <c r="F569" s="57"/>
      <c r="G569" s="57"/>
    </row>
    <row r="570" spans="1:7" customFormat="1" x14ac:dyDescent="0.3">
      <c r="A570" s="51" t="s">
        <v>1543</v>
      </c>
      <c r="B570" s="68"/>
      <c r="C570" s="51"/>
      <c r="D570" s="51"/>
      <c r="E570" s="57"/>
      <c r="F570" s="57"/>
      <c r="G570" s="57"/>
    </row>
    <row r="571" spans="1:7" customFormat="1" x14ac:dyDescent="0.3">
      <c r="A571" s="128"/>
      <c r="B571" s="128" t="s">
        <v>1436</v>
      </c>
      <c r="C571" s="70" t="s">
        <v>106</v>
      </c>
      <c r="D571" s="70" t="s">
        <v>1226</v>
      </c>
      <c r="E571" s="70"/>
      <c r="F571" s="70" t="s">
        <v>479</v>
      </c>
      <c r="G571" s="70" t="s">
        <v>1228</v>
      </c>
    </row>
    <row r="572" spans="1:7" customFormat="1" x14ac:dyDescent="0.3">
      <c r="A572" s="51" t="s">
        <v>1544</v>
      </c>
      <c r="B572" s="68" t="s">
        <v>1217</v>
      </c>
      <c r="C572" s="123" t="s">
        <v>79</v>
      </c>
      <c r="D572" s="124" t="s">
        <v>79</v>
      </c>
      <c r="E572" s="57"/>
      <c r="F572" s="129" t="str">
        <f>IF($C$585=0,"",IF(C572="[for completion]","",IF(C572="","",C572/$C$585)))</f>
        <v/>
      </c>
      <c r="G572" s="129" t="str">
        <f>IF($D$585=0,"",IF(D572="[for completion]","",IF(D572="","",D572/$D$585)))</f>
        <v/>
      </c>
    </row>
    <row r="573" spans="1:7" customFormat="1" x14ac:dyDescent="0.3">
      <c r="A573" s="51" t="s">
        <v>1545</v>
      </c>
      <c r="B573" s="68" t="s">
        <v>1218</v>
      </c>
      <c r="C573" s="123" t="s">
        <v>79</v>
      </c>
      <c r="D573" s="124" t="s">
        <v>79</v>
      </c>
      <c r="E573" s="57"/>
      <c r="F573" s="129" t="str">
        <f>IF($C$585=0,"",IF(C573="[for completion]","",IF(C573="","",C573/$C$585)))</f>
        <v/>
      </c>
      <c r="G573" s="129" t="str">
        <f>IF($D$585=0,"",IF(D573="[for completion]","",IF(D573="","",D573/$D$585)))</f>
        <v/>
      </c>
    </row>
    <row r="574" spans="1:7" customFormat="1" x14ac:dyDescent="0.3">
      <c r="A574" s="51" t="s">
        <v>1546</v>
      </c>
      <c r="B574" s="68" t="s">
        <v>1383</v>
      </c>
      <c r="C574" s="123" t="s">
        <v>79</v>
      </c>
      <c r="D574" s="124" t="s">
        <v>79</v>
      </c>
      <c r="E574" s="57"/>
      <c r="F574" s="129" t="str">
        <f>IF($C$585=0,"",IF(C574="[for completion]","",IF(C574="","",C574/$C$585)))</f>
        <v/>
      </c>
      <c r="G574" s="129" t="str">
        <f>IF($D$585=0,"",IF(D574="[for completion]","",IF(D574="","",D574/$D$585)))</f>
        <v/>
      </c>
    </row>
    <row r="575" spans="1:7" customFormat="1" x14ac:dyDescent="0.3">
      <c r="A575" s="51" t="s">
        <v>1547</v>
      </c>
      <c r="B575" s="68" t="s">
        <v>1219</v>
      </c>
      <c r="C575" s="123" t="s">
        <v>79</v>
      </c>
      <c r="D575" s="124" t="s">
        <v>79</v>
      </c>
      <c r="E575" s="57"/>
      <c r="F575" s="129" t="str">
        <f>IF($C$585=0,"",IF(C575="[for completion]","",IF(C575="","",C575/$C$585)))</f>
        <v/>
      </c>
      <c r="G575" s="129" t="str">
        <f>IF($D$585=0,"",IF(D575="[for completion]","",IF(D575="","",D575/$D$585)))</f>
        <v/>
      </c>
    </row>
    <row r="576" spans="1:7" customFormat="1" x14ac:dyDescent="0.3">
      <c r="A576" s="51" t="s">
        <v>1548</v>
      </c>
      <c r="B576" s="68" t="s">
        <v>1220</v>
      </c>
      <c r="C576" s="123" t="s">
        <v>79</v>
      </c>
      <c r="D576" s="124" t="s">
        <v>79</v>
      </c>
      <c r="E576" s="57"/>
      <c r="F576" s="129" t="str">
        <f>IF($C$585=0,"",IF(C576="[for completion]","",IF(C576="","",C576/$C$585)))</f>
        <v/>
      </c>
      <c r="G576" s="129" t="str">
        <f>IF($D$585=0,"",IF(D576="[for completion]","",IF(D576="","",D576/$D$585)))</f>
        <v/>
      </c>
    </row>
    <row r="577" spans="1:7" customFormat="1" x14ac:dyDescent="0.3">
      <c r="A577" s="51" t="s">
        <v>1549</v>
      </c>
      <c r="B577" s="68" t="s">
        <v>1221</v>
      </c>
      <c r="C577" s="123" t="s">
        <v>79</v>
      </c>
      <c r="D577" s="124" t="s">
        <v>79</v>
      </c>
      <c r="E577" s="57"/>
      <c r="F577" s="129" t="str">
        <f t="shared" ref="F577:F584" si="35">IF($C$585=0,"",IF(C577="[for completion]","",IF(C577="","",C577/$C$585)))</f>
        <v/>
      </c>
      <c r="G577" s="129" t="str">
        <f t="shared" ref="G577:G584" si="36">IF($D$585=0,"",IF(D577="[for completion]","",IF(D577="","",D577/$D$585)))</f>
        <v/>
      </c>
    </row>
    <row r="578" spans="1:7" customFormat="1" x14ac:dyDescent="0.3">
      <c r="A578" s="51" t="s">
        <v>1550</v>
      </c>
      <c r="B578" s="68" t="s">
        <v>1222</v>
      </c>
      <c r="C578" s="123" t="s">
        <v>79</v>
      </c>
      <c r="D578" s="124" t="s">
        <v>79</v>
      </c>
      <c r="E578" s="57"/>
      <c r="F578" s="129" t="str">
        <f t="shared" si="35"/>
        <v/>
      </c>
      <c r="G578" s="129" t="str">
        <f t="shared" si="36"/>
        <v/>
      </c>
    </row>
    <row r="579" spans="1:7" customFormat="1" x14ac:dyDescent="0.3">
      <c r="A579" s="51" t="s">
        <v>1551</v>
      </c>
      <c r="B579" s="68" t="s">
        <v>1223</v>
      </c>
      <c r="C579" s="123" t="s">
        <v>79</v>
      </c>
      <c r="D579" s="124" t="s">
        <v>79</v>
      </c>
      <c r="E579" s="57"/>
      <c r="F579" s="129" t="str">
        <f t="shared" si="35"/>
        <v/>
      </c>
      <c r="G579" s="129" t="str">
        <f t="shared" si="36"/>
        <v/>
      </c>
    </row>
    <row r="580" spans="1:7" customFormat="1" x14ac:dyDescent="0.3">
      <c r="A580" s="51" t="s">
        <v>1552</v>
      </c>
      <c r="B580" s="68" t="s">
        <v>1634</v>
      </c>
      <c r="C580" s="123" t="s">
        <v>79</v>
      </c>
      <c r="D580" s="51" t="s">
        <v>79</v>
      </c>
      <c r="E580" s="57"/>
      <c r="F580" s="129" t="str">
        <f t="shared" si="35"/>
        <v/>
      </c>
      <c r="G580" s="129" t="str">
        <f t="shared" si="36"/>
        <v/>
      </c>
    </row>
    <row r="581" spans="1:7" customFormat="1" x14ac:dyDescent="0.3">
      <c r="A581" s="51" t="s">
        <v>1553</v>
      </c>
      <c r="B581" s="51" t="s">
        <v>1637</v>
      </c>
      <c r="C581" s="123" t="s">
        <v>79</v>
      </c>
      <c r="D581" s="51" t="s">
        <v>79</v>
      </c>
      <c r="F581" s="129" t="str">
        <f t="shared" si="35"/>
        <v/>
      </c>
      <c r="G581" s="129" t="str">
        <f t="shared" si="36"/>
        <v/>
      </c>
    </row>
    <row r="582" spans="1:7" customFormat="1" x14ac:dyDescent="0.3">
      <c r="A582" s="51" t="s">
        <v>1554</v>
      </c>
      <c r="B582" s="51" t="s">
        <v>1635</v>
      </c>
      <c r="C582" s="123" t="s">
        <v>79</v>
      </c>
      <c r="D582" s="51" t="s">
        <v>79</v>
      </c>
      <c r="F582" s="129" t="str">
        <f t="shared" si="35"/>
        <v/>
      </c>
      <c r="G582" s="129" t="str">
        <f t="shared" si="36"/>
        <v/>
      </c>
    </row>
    <row r="583" spans="1:7" customFormat="1" x14ac:dyDescent="0.3">
      <c r="A583" s="51" t="s">
        <v>1646</v>
      </c>
      <c r="B583" s="68" t="s">
        <v>1636</v>
      </c>
      <c r="C583" s="123" t="s">
        <v>79</v>
      </c>
      <c r="D583" s="51" t="s">
        <v>79</v>
      </c>
      <c r="E583" s="57"/>
      <c r="F583" s="129" t="str">
        <f t="shared" si="35"/>
        <v/>
      </c>
      <c r="G583" s="129" t="str">
        <f t="shared" si="36"/>
        <v/>
      </c>
    </row>
    <row r="584" spans="1:7" customFormat="1" x14ac:dyDescent="0.3">
      <c r="A584" s="51" t="s">
        <v>1647</v>
      </c>
      <c r="B584" s="51" t="s">
        <v>1268</v>
      </c>
      <c r="C584" s="123" t="s">
        <v>79</v>
      </c>
      <c r="D584" s="124" t="s">
        <v>79</v>
      </c>
      <c r="E584" s="57"/>
      <c r="F584" s="129" t="str">
        <f t="shared" si="35"/>
        <v/>
      </c>
      <c r="G584" s="129" t="str">
        <f t="shared" si="36"/>
        <v/>
      </c>
    </row>
    <row r="585" spans="1:7" customFormat="1" x14ac:dyDescent="0.3">
      <c r="A585" s="51" t="s">
        <v>1648</v>
      </c>
      <c r="B585" s="68" t="s">
        <v>137</v>
      </c>
      <c r="C585" s="123">
        <f>SUM(C572:C584)</f>
        <v>0</v>
      </c>
      <c r="D585" s="124">
        <f>SUM(D572:D584)</f>
        <v>0</v>
      </c>
      <c r="E585" s="57"/>
      <c r="F585" s="120">
        <f>SUM(F572:F584)</f>
        <v>0</v>
      </c>
      <c r="G585" s="120">
        <f>SUM(G572:G584)</f>
        <v>0</v>
      </c>
    </row>
    <row r="586" spans="1:7" customFormat="1" x14ac:dyDescent="0.3">
      <c r="A586" s="51" t="s">
        <v>1555</v>
      </c>
      <c r="B586" s="68"/>
      <c r="C586" s="123"/>
      <c r="D586" s="124"/>
      <c r="E586" s="57"/>
      <c r="F586" s="129"/>
      <c r="G586" s="129"/>
    </row>
    <row r="587" spans="1:7" customFormat="1" x14ac:dyDescent="0.3">
      <c r="A587" s="51" t="s">
        <v>1649</v>
      </c>
      <c r="B587" s="68"/>
      <c r="C587" s="123"/>
      <c r="D587" s="124"/>
      <c r="E587" s="57"/>
      <c r="F587" s="129"/>
      <c r="G587" s="129"/>
    </row>
    <row r="588" spans="1:7" customFormat="1" x14ac:dyDescent="0.3">
      <c r="A588" s="51" t="s">
        <v>1650</v>
      </c>
      <c r="B588" s="68"/>
      <c r="C588" s="123"/>
      <c r="D588" s="124"/>
      <c r="E588" s="57"/>
      <c r="F588" s="129"/>
      <c r="G588" s="129"/>
    </row>
    <row r="589" spans="1:7" customFormat="1" x14ac:dyDescent="0.3">
      <c r="A589" s="51" t="s">
        <v>1651</v>
      </c>
      <c r="B589" s="68"/>
      <c r="C589" s="123"/>
      <c r="D589" s="124"/>
      <c r="E589" s="57"/>
      <c r="F589" s="129"/>
      <c r="G589" s="129"/>
    </row>
    <row r="590" spans="1:7" customFormat="1" x14ac:dyDescent="0.3">
      <c r="A590" s="51" t="s">
        <v>1652</v>
      </c>
      <c r="B590" s="68"/>
      <c r="C590" s="123"/>
      <c r="D590" s="124"/>
      <c r="E590" s="57"/>
      <c r="F590" s="129"/>
      <c r="G590" s="129"/>
    </row>
    <row r="591" spans="1:7" customFormat="1" x14ac:dyDescent="0.3">
      <c r="A591" s="51" t="s">
        <v>1653</v>
      </c>
      <c r="B591" s="68"/>
      <c r="C591" s="123"/>
      <c r="D591" s="124"/>
      <c r="E591" s="57"/>
      <c r="F591" s="129" t="str">
        <f>IF($C$585=0,"",IF(C591="[for completion]","",IF(C591="","",C591/$C$585)))</f>
        <v/>
      </c>
      <c r="G591" s="129" t="str">
        <f>IF($D$585=0,"",IF(D591="[for completion]","",IF(D591="","",D591/$D$585)))</f>
        <v/>
      </c>
    </row>
    <row r="592" spans="1:7" customFormat="1" x14ac:dyDescent="0.3">
      <c r="A592" s="51" t="s">
        <v>1654</v>
      </c>
    </row>
    <row r="593" spans="1:7" customFormat="1" x14ac:dyDescent="0.3">
      <c r="A593" s="51" t="s">
        <v>1655</v>
      </c>
    </row>
    <row r="594" spans="1:7" x14ac:dyDescent="0.3">
      <c r="A594" s="51" t="s">
        <v>1656</v>
      </c>
    </row>
    <row r="595" spans="1:7" x14ac:dyDescent="0.3">
      <c r="A595" s="51" t="s">
        <v>1658</v>
      </c>
    </row>
    <row r="596" spans="1:7" x14ac:dyDescent="0.3">
      <c r="A596" s="128"/>
      <c r="B596" s="128" t="s">
        <v>1437</v>
      </c>
      <c r="C596" s="70" t="s">
        <v>106</v>
      </c>
      <c r="D596" s="70" t="s">
        <v>1226</v>
      </c>
      <c r="E596" s="70"/>
      <c r="F596" s="70" t="s">
        <v>478</v>
      </c>
      <c r="G596" s="70" t="s">
        <v>1228</v>
      </c>
    </row>
    <row r="597" spans="1:7" x14ac:dyDescent="0.3">
      <c r="A597" s="51" t="s">
        <v>1556</v>
      </c>
      <c r="B597" s="68" t="s">
        <v>1349</v>
      </c>
      <c r="C597" s="123" t="s">
        <v>79</v>
      </c>
      <c r="D597" s="124" t="s">
        <v>79</v>
      </c>
      <c r="E597" s="57"/>
      <c r="F597" s="129" t="str">
        <f>IF($C$601=0,"",IF(C597="[for completion]","",IF(C597="","",C597/$C$601)))</f>
        <v/>
      </c>
      <c r="G597" s="129" t="str">
        <f>IF($D$601=0,"",IF(D597="[for completion]","",IF(D597="","",D597/$D$601)))</f>
        <v/>
      </c>
    </row>
    <row r="598" spans="1:7" x14ac:dyDescent="0.3">
      <c r="A598" s="51" t="s">
        <v>1557</v>
      </c>
      <c r="B598" s="141" t="s">
        <v>1350</v>
      </c>
      <c r="C598" s="123" t="s">
        <v>79</v>
      </c>
      <c r="D598" s="124" t="s">
        <v>79</v>
      </c>
      <c r="E598" s="57"/>
      <c r="F598" s="129" t="str">
        <f>IF($C$601=0,"",IF(C598="[for completion]","",IF(C598="","",C598/$C$601)))</f>
        <v/>
      </c>
      <c r="G598" s="129" t="str">
        <f>IF($D$601=0,"",IF(D598="[for completion]","",IF(D598="","",D598/$D$601)))</f>
        <v/>
      </c>
    </row>
    <row r="599" spans="1:7" x14ac:dyDescent="0.3">
      <c r="A599" s="51" t="s">
        <v>1558</v>
      </c>
      <c r="B599" s="68" t="s">
        <v>1225</v>
      </c>
      <c r="C599" s="123" t="s">
        <v>79</v>
      </c>
      <c r="D599" s="124" t="s">
        <v>79</v>
      </c>
      <c r="E599" s="57"/>
      <c r="F599" s="129" t="str">
        <f>IF($C$601=0,"",IF(C599="[for completion]","",IF(C599="","",C599/$C$601)))</f>
        <v/>
      </c>
      <c r="G599" s="129" t="str">
        <f>IF($D$601=0,"",IF(D599="[for completion]","",IF(D599="","",D599/$D$601)))</f>
        <v/>
      </c>
    </row>
    <row r="600" spans="1:7" x14ac:dyDescent="0.3">
      <c r="A600" s="51" t="s">
        <v>1559</v>
      </c>
      <c r="B600" s="51" t="s">
        <v>1268</v>
      </c>
      <c r="C600" s="123" t="s">
        <v>79</v>
      </c>
      <c r="D600" s="124" t="s">
        <v>79</v>
      </c>
      <c r="E600" s="57"/>
      <c r="F600" s="129" t="str">
        <f>IF($C$601=0,"",IF(C600="[for completion]","",IF(C600="","",C600/$C$601)))</f>
        <v/>
      </c>
      <c r="G600" s="129" t="str">
        <f>IF($D$601=0,"",IF(D600="[for completion]","",IF(D600="","",D600/$D$601)))</f>
        <v/>
      </c>
    </row>
    <row r="601" spans="1:7" x14ac:dyDescent="0.3">
      <c r="A601" s="51" t="s">
        <v>1560</v>
      </c>
      <c r="B601" s="68" t="s">
        <v>137</v>
      </c>
      <c r="C601" s="123">
        <f>SUM(C597:C600)</f>
        <v>0</v>
      </c>
      <c r="D601" s="124">
        <f>SUM(D597:D600)</f>
        <v>0</v>
      </c>
      <c r="E601" s="57"/>
      <c r="F601" s="120">
        <f>SUM(F597:F600)</f>
        <v>0</v>
      </c>
      <c r="G601" s="120">
        <f>SUM(G597:G600)</f>
        <v>0</v>
      </c>
    </row>
    <row r="603" spans="1:7" x14ac:dyDescent="0.3">
      <c r="A603" s="128"/>
      <c r="B603" s="128" t="s">
        <v>1705</v>
      </c>
      <c r="C603" s="128" t="s">
        <v>1624</v>
      </c>
      <c r="D603" s="128" t="s">
        <v>1627</v>
      </c>
      <c r="E603" s="128"/>
      <c r="F603" s="128" t="s">
        <v>1626</v>
      </c>
      <c r="G603" s="71" t="s">
        <v>1718</v>
      </c>
    </row>
    <row r="604" spans="1:7" x14ac:dyDescent="0.3">
      <c r="A604" s="51" t="s">
        <v>1562</v>
      </c>
      <c r="B604" s="68" t="s">
        <v>764</v>
      </c>
      <c r="C604" s="143" t="s">
        <v>79</v>
      </c>
      <c r="D604" s="143" t="s">
        <v>79</v>
      </c>
      <c r="E604" s="162"/>
      <c r="F604" s="143" t="s">
        <v>79</v>
      </c>
      <c r="G604" s="143" t="s">
        <v>79</v>
      </c>
    </row>
    <row r="605" spans="1:7" x14ac:dyDescent="0.3">
      <c r="A605" s="51" t="s">
        <v>1563</v>
      </c>
      <c r="B605" s="68" t="s">
        <v>765</v>
      </c>
      <c r="C605" s="143" t="s">
        <v>79</v>
      </c>
      <c r="D605" s="143" t="s">
        <v>79</v>
      </c>
      <c r="E605" s="162"/>
      <c r="F605" s="143" t="s">
        <v>79</v>
      </c>
      <c r="G605" s="143" t="s">
        <v>79</v>
      </c>
    </row>
    <row r="606" spans="1:7" x14ac:dyDescent="0.3">
      <c r="A606" s="51" t="s">
        <v>1564</v>
      </c>
      <c r="B606" s="68" t="s">
        <v>766</v>
      </c>
      <c r="C606" s="143" t="s">
        <v>79</v>
      </c>
      <c r="D606" s="143" t="s">
        <v>79</v>
      </c>
      <c r="E606" s="162"/>
      <c r="F606" s="143" t="s">
        <v>79</v>
      </c>
      <c r="G606" s="143" t="s">
        <v>79</v>
      </c>
    </row>
    <row r="607" spans="1:7" x14ac:dyDescent="0.3">
      <c r="A607" s="51" t="s">
        <v>1565</v>
      </c>
      <c r="B607" s="68" t="s">
        <v>767</v>
      </c>
      <c r="C607" s="143" t="s">
        <v>79</v>
      </c>
      <c r="D607" s="143" t="s">
        <v>79</v>
      </c>
      <c r="E607" s="162"/>
      <c r="F607" s="143" t="s">
        <v>79</v>
      </c>
      <c r="G607" s="143" t="s">
        <v>79</v>
      </c>
    </row>
    <row r="608" spans="1:7" x14ac:dyDescent="0.3">
      <c r="A608" s="51" t="s">
        <v>1566</v>
      </c>
      <c r="B608" s="68" t="s">
        <v>768</v>
      </c>
      <c r="C608" s="143" t="s">
        <v>79</v>
      </c>
      <c r="D608" s="143" t="s">
        <v>79</v>
      </c>
      <c r="E608" s="162"/>
      <c r="F608" s="143" t="s">
        <v>79</v>
      </c>
      <c r="G608" s="143" t="s">
        <v>79</v>
      </c>
    </row>
    <row r="609" spans="1:7" x14ac:dyDescent="0.3">
      <c r="A609" s="51" t="s">
        <v>1567</v>
      </c>
      <c r="B609" s="68" t="s">
        <v>769</v>
      </c>
      <c r="C609" s="143" t="s">
        <v>79</v>
      </c>
      <c r="D609" s="143" t="s">
        <v>79</v>
      </c>
      <c r="E609" s="162"/>
      <c r="F609" s="143" t="s">
        <v>79</v>
      </c>
      <c r="G609" s="143" t="s">
        <v>79</v>
      </c>
    </row>
    <row r="610" spans="1:7" x14ac:dyDescent="0.3">
      <c r="A610" s="51" t="s">
        <v>1568</v>
      </c>
      <c r="B610" s="68" t="s">
        <v>770</v>
      </c>
      <c r="C610" s="143" t="s">
        <v>79</v>
      </c>
      <c r="D610" s="143" t="s">
        <v>79</v>
      </c>
      <c r="E610" s="162"/>
      <c r="F610" s="143" t="s">
        <v>79</v>
      </c>
      <c r="G610" s="143" t="s">
        <v>79</v>
      </c>
    </row>
    <row r="611" spans="1:7" x14ac:dyDescent="0.3">
      <c r="A611" s="51" t="s">
        <v>1569</v>
      </c>
      <c r="B611" s="68" t="s">
        <v>1345</v>
      </c>
      <c r="C611" s="143" t="s">
        <v>79</v>
      </c>
      <c r="D611" s="143" t="s">
        <v>79</v>
      </c>
      <c r="E611" s="162"/>
      <c r="F611" s="143" t="s">
        <v>79</v>
      </c>
      <c r="G611" s="143" t="s">
        <v>79</v>
      </c>
    </row>
    <row r="612" spans="1:7" x14ac:dyDescent="0.3">
      <c r="A612" s="51" t="s">
        <v>1570</v>
      </c>
      <c r="B612" s="68" t="s">
        <v>1346</v>
      </c>
      <c r="C612" s="143" t="s">
        <v>79</v>
      </c>
      <c r="D612" s="143" t="s">
        <v>79</v>
      </c>
      <c r="E612" s="162"/>
      <c r="F612" s="143" t="s">
        <v>79</v>
      </c>
      <c r="G612" s="143" t="s">
        <v>79</v>
      </c>
    </row>
    <row r="613" spans="1:7" x14ac:dyDescent="0.3">
      <c r="A613" s="51" t="s">
        <v>1571</v>
      </c>
      <c r="B613" s="68" t="s">
        <v>1347</v>
      </c>
      <c r="C613" s="143" t="s">
        <v>79</v>
      </c>
      <c r="D613" s="143" t="s">
        <v>79</v>
      </c>
      <c r="E613" s="162"/>
      <c r="F613" s="143" t="s">
        <v>79</v>
      </c>
      <c r="G613" s="143" t="s">
        <v>79</v>
      </c>
    </row>
    <row r="614" spans="1:7" x14ac:dyDescent="0.3">
      <c r="A614" s="51" t="s">
        <v>1572</v>
      </c>
      <c r="B614" s="68" t="s">
        <v>771</v>
      </c>
      <c r="C614" s="143" t="s">
        <v>79</v>
      </c>
      <c r="D614" s="143" t="s">
        <v>79</v>
      </c>
      <c r="E614" s="162"/>
      <c r="F614" s="143" t="s">
        <v>79</v>
      </c>
      <c r="G614" s="143" t="s">
        <v>79</v>
      </c>
    </row>
    <row r="615" spans="1:7" x14ac:dyDescent="0.3">
      <c r="A615" s="51" t="s">
        <v>1573</v>
      </c>
      <c r="B615" s="68" t="s">
        <v>1699</v>
      </c>
      <c r="C615" s="143" t="s">
        <v>79</v>
      </c>
      <c r="D615" s="143" t="s">
        <v>79</v>
      </c>
      <c r="E615" s="162"/>
      <c r="F615" s="143" t="s">
        <v>79</v>
      </c>
      <c r="G615" s="143" t="s">
        <v>79</v>
      </c>
    </row>
    <row r="616" spans="1:7" x14ac:dyDescent="0.3">
      <c r="A616" s="51" t="s">
        <v>1574</v>
      </c>
      <c r="B616" s="68" t="s">
        <v>135</v>
      </c>
      <c r="C616" s="143" t="s">
        <v>79</v>
      </c>
      <c r="D616" s="143" t="s">
        <v>79</v>
      </c>
      <c r="E616" s="162"/>
      <c r="F616" s="143" t="s">
        <v>79</v>
      </c>
      <c r="G616" s="143" t="s">
        <v>79</v>
      </c>
    </row>
    <row r="617" spans="1:7" x14ac:dyDescent="0.3">
      <c r="A617" s="51" t="s">
        <v>1575</v>
      </c>
      <c r="B617" s="68" t="s">
        <v>137</v>
      </c>
      <c r="C617" s="123">
        <f>SUM(C604:C616)</f>
        <v>0</v>
      </c>
      <c r="D617" s="123">
        <f>SUM(D604:D616)</f>
        <v>0</v>
      </c>
      <c r="E617" s="49"/>
      <c r="F617" s="123"/>
      <c r="G617" s="129" t="str">
        <f>IF($D$393=0,"",IF(#REF!="[For completion]","",#REF!/$D$393))</f>
        <v/>
      </c>
    </row>
    <row r="618" spans="1:7" x14ac:dyDescent="0.3">
      <c r="A618" s="51" t="s">
        <v>1576</v>
      </c>
      <c r="B618" s="51" t="s">
        <v>1623</v>
      </c>
      <c r="C618"/>
      <c r="D618"/>
      <c r="E618"/>
      <c r="F618" s="143" t="s">
        <v>79</v>
      </c>
      <c r="G618" s="129" t="str">
        <f>IF($D$622=0,"",IF(D617="[for completion]","",IF(D617="","",D617/$D$622)))</f>
        <v/>
      </c>
    </row>
    <row r="619" spans="1:7" x14ac:dyDescent="0.3">
      <c r="A619" s="51" t="s">
        <v>1577</v>
      </c>
      <c r="G619" s="129" t="str">
        <f>IF($D$622=0,"",IF(D618="[for completion]","",IF(D618="","",D618/$D$622)))</f>
        <v/>
      </c>
    </row>
    <row r="620" spans="1:7" x14ac:dyDescent="0.3">
      <c r="A620" s="51" t="s">
        <v>1578</v>
      </c>
      <c r="B620" s="68"/>
      <c r="C620" s="123"/>
      <c r="D620" s="124"/>
      <c r="E620" s="49"/>
      <c r="F620" s="129"/>
      <c r="G620" s="129" t="str">
        <f t="shared" ref="G620:G622" si="37">IF($D$622=0,"",IF(D620="[for completion]","",IF(D620="","",D620/$D$622)))</f>
        <v/>
      </c>
    </row>
    <row r="621" spans="1:7" x14ac:dyDescent="0.3">
      <c r="A621" s="51" t="s">
        <v>1579</v>
      </c>
      <c r="B621" s="68"/>
      <c r="C621" s="123"/>
      <c r="D621" s="124"/>
      <c r="E621" s="49"/>
      <c r="F621" s="129"/>
      <c r="G621" s="129" t="str">
        <f t="shared" si="37"/>
        <v/>
      </c>
    </row>
    <row r="622" spans="1:7" x14ac:dyDescent="0.3">
      <c r="A622" s="51" t="s">
        <v>1580</v>
      </c>
      <c r="B622" s="68"/>
      <c r="C622" s="123"/>
      <c r="D622" s="124"/>
      <c r="E622" s="49"/>
      <c r="F622" s="129"/>
      <c r="G622" s="129" t="str">
        <f t="shared" si="37"/>
        <v/>
      </c>
    </row>
  </sheetData>
  <sheetProtection algorithmName="SHA-512" hashValue="DRbFaOF90IsScORQsNNn5+KkM/KdSo47lvVFKKOan+AuID3Tl15THc7p6+u9rD3cUvFrZVCaax2gbv7Go07fdQ==" saltValue="onEs8YnRJw9QLej94oUZHw==" spinCount="100000" sheet="1" formatColumns="0" formatRows="0" insertHyperlinks="0" sort="0" autoFilter="0" pivotTables="0"/>
  <protectedRanges>
    <protectedRange sqref="C425:D425 F425:G425 B428:D451 C454:D454 F454:G454 C457:D464 B466:D474 F466:G474 C476:D476 F476:G476 C479:D486 B488:D496 F488:G496 F498:G524 C498:D524 B511:B524" name="Mortgage Assets III"/>
    <protectedRange sqref="C150:D158 F150:F158 B153:B158 B163:B168 C160:D168 F160:F168 B175:B178 C170:D178 F170:F178 B181:B184 C187:D187 F187:G187 C216:D216 B190:D213 C180:D184 F180:F184" name="Mortgage Assets II"/>
    <protectedRange sqref="C216:D216 C219:D226 B228:D236 F228:G236 C238:D238 F238:G238 C241:D248 B250:D258 F250:G258 B266:C275 B280:C285 C277:C279 F277:G285 D277:D285 C425:D425 D260:D275 F260:G275 C260:C265" name="Mortgage Asset IV"/>
    <protectedRange sqref="C3 B16:D26 F16:F26 B163:B168 B37:B42 C36:D42 F36:F42 C73:D75 F73:F75 B88:D97 F100:F148 B29:D34 F28:F34 F77:F97 C77:D87 F45:F71 C45:D71 C28:D28 C12:C14 B99:D148 E99:F99" name="Mortgage Asset I"/>
    <protectedRange sqref="C287:D308 C310:D331 C358:D364 C368:D371 C351:D356 C333:D349 C580:D583 C375:D383 C385:D393 C604:D618 C620:D622" name="Optional ECBECAIs_2"/>
    <protectedRange sqref="B287:B304 B310:B327 B375:B383 B385:B392 B604:B618 B620:B621" name="Mortgage Assets III_1"/>
    <protectedRange sqref="F394:G422 B394:D422" name="Mortgage Asset IV_3"/>
    <protectedRange sqref="C526:D547 C572:D579 C549:D570 C597:D600 C584:D592" name="Optional ECBECAIs_2_1"/>
    <protectedRange sqref="B526:B543 B549:B566" name="Mortgage Assets III_2"/>
    <protectedRange sqref="C365:D366 C372:D373" name="Optional ECBECAIs_2_2"/>
    <protectedRange sqref="C601:D601" name="Optional ECBECAIs_2_3"/>
  </protectedRanges>
  <phoneticPr fontId="46" type="noConversion"/>
  <hyperlinks>
    <hyperlink ref="B6" location="'B1. HTT Mortgage Assets'!B10" display="7. Mortgage Assets" xr:uid="{00000000-0004-0000-0500-000000000000}"/>
    <hyperlink ref="B7" location="'B1. HTT Mortgage Assets'!B166" display="7.A Residential Cover Pool" xr:uid="{00000000-0004-0000-0500-000001000000}"/>
    <hyperlink ref="B8" location="'B1. HTT Mortgage Assets'!B267" display="7.B Commercial Cover Pool" xr:uid="{00000000-0004-0000-0500-000002000000}"/>
    <hyperlink ref="B149" location="'2. Harmonised Glossary'!A9" display="Breakdown by Interest Rate" xr:uid="{00000000-0004-0000-0500-000003000000}"/>
    <hyperlink ref="B11" location="'2. Harmonised Glossary'!A12" display="Property Type Information" xr:uid="{00000000-0004-0000-0500-000005000000}"/>
    <hyperlink ref="B215" location="'C. HTT Harmonised Glossary'!B13" display="11. Loan to Value (LTV) Information - UNINDEXED" xr:uid="{00000000-0004-0000-0500-000006000000}"/>
    <hyperlink ref="B237" location="'C. HTT Harmonised Glossary'!B16" display="12. Loan to Value (LTV) Information - INDEXED " xr:uid="{00000000-0004-0000-0500-000007000000}"/>
    <hyperlink ref="B179" location="'C. HTT Harmonised Glossary'!B19" display="9. Non-Performing Loans (NPLs)" xr:uid="{00000000-0004-0000-0500-000004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8">
    <tabColor rgb="FF243386"/>
  </sheetPr>
  <dimension ref="B1:J246"/>
  <sheetViews>
    <sheetView showGridLines="0" zoomScale="80" zoomScaleNormal="80" workbookViewId="0">
      <selection activeCell="J30" sqref="J30"/>
    </sheetView>
  </sheetViews>
  <sheetFormatPr defaultColWidth="9.109375" defaultRowHeight="15" x14ac:dyDescent="0.4"/>
  <cols>
    <col min="1" max="1" width="2.88671875" style="183" customWidth="1"/>
    <col min="2" max="2" width="55.109375" style="183" bestFit="1" customWidth="1"/>
    <col min="3" max="3" width="15" style="183" customWidth="1"/>
    <col min="4" max="5" width="16" style="183" customWidth="1"/>
    <col min="6" max="6" width="17" style="183" customWidth="1"/>
    <col min="7" max="7" width="19.88671875" style="183" customWidth="1"/>
    <col min="8" max="8" width="16" style="183" customWidth="1"/>
    <col min="9" max="9" width="19.5546875" style="183" customWidth="1"/>
    <col min="10" max="10" width="19" style="183" customWidth="1"/>
    <col min="11" max="16384" width="9.109375" style="183"/>
  </cols>
  <sheetData>
    <row r="1" spans="2:10" x14ac:dyDescent="0.4">
      <c r="J1" s="184"/>
    </row>
    <row r="2" spans="2:10" hidden="1" x14ac:dyDescent="0.4">
      <c r="J2" s="184"/>
    </row>
    <row r="3" spans="2:10" hidden="1" x14ac:dyDescent="0.4">
      <c r="J3" s="184"/>
    </row>
    <row r="4" spans="2:10" ht="12" customHeight="1" x14ac:dyDescent="0.4">
      <c r="B4" s="185"/>
      <c r="C4" s="185"/>
      <c r="D4" s="185"/>
      <c r="E4" s="185"/>
      <c r="F4" s="185"/>
      <c r="G4" s="185"/>
      <c r="H4" s="186"/>
      <c r="I4" s="186" t="s">
        <v>1779</v>
      </c>
      <c r="J4" s="323">
        <v>46112</v>
      </c>
    </row>
    <row r="5" spans="2:10" ht="15" customHeight="1" x14ac:dyDescent="0.4">
      <c r="B5" s="185"/>
      <c r="C5" s="185"/>
      <c r="D5" s="185"/>
      <c r="E5" s="185"/>
      <c r="F5" s="185"/>
      <c r="G5" s="185"/>
      <c r="H5" s="186"/>
      <c r="I5" s="186" t="s">
        <v>1780</v>
      </c>
      <c r="J5" s="187" t="s">
        <v>1781</v>
      </c>
    </row>
    <row r="6" spans="2:10" ht="15" customHeight="1" x14ac:dyDescent="0.4">
      <c r="B6" s="188"/>
      <c r="C6" s="188"/>
      <c r="D6" s="188"/>
      <c r="E6" s="188"/>
      <c r="F6" s="188"/>
      <c r="G6" s="188"/>
      <c r="H6" s="189"/>
      <c r="I6" s="189"/>
      <c r="J6" s="190"/>
    </row>
    <row r="7" spans="2:10" ht="15" customHeight="1" x14ac:dyDescent="0.4">
      <c r="B7" s="191" t="s">
        <v>1782</v>
      </c>
      <c r="C7" s="353" t="s">
        <v>1783</v>
      </c>
      <c r="D7" s="353"/>
      <c r="E7" s="353"/>
      <c r="F7" s="353"/>
      <c r="G7" s="354" t="s">
        <v>1784</v>
      </c>
      <c r="H7" s="353"/>
      <c r="I7" s="353"/>
      <c r="J7" s="353"/>
    </row>
    <row r="8" spans="2:10" ht="15" customHeight="1" x14ac:dyDescent="0.4">
      <c r="B8" s="192"/>
      <c r="C8" s="193" t="s">
        <v>1785</v>
      </c>
      <c r="D8" s="193" t="s">
        <v>1786</v>
      </c>
      <c r="E8" s="193" t="s">
        <v>1787</v>
      </c>
      <c r="F8" s="193" t="s">
        <v>1788</v>
      </c>
      <c r="G8" s="193" t="s">
        <v>1785</v>
      </c>
      <c r="H8" s="193" t="s">
        <v>1786</v>
      </c>
      <c r="I8" s="193" t="s">
        <v>1787</v>
      </c>
      <c r="J8" s="193" t="s">
        <v>1788</v>
      </c>
    </row>
    <row r="9" spans="2:10" s="184" customFormat="1" ht="15" customHeight="1" x14ac:dyDescent="0.4">
      <c r="B9" s="194" t="s">
        <v>1988</v>
      </c>
      <c r="C9" s="195" t="s">
        <v>1789</v>
      </c>
      <c r="D9" s="195" t="s">
        <v>1790</v>
      </c>
      <c r="E9" s="195" t="s">
        <v>1790</v>
      </c>
      <c r="F9" s="195" t="s">
        <v>1989</v>
      </c>
      <c r="G9" s="195" t="s">
        <v>1790</v>
      </c>
      <c r="H9" s="195" t="s">
        <v>1790</v>
      </c>
      <c r="I9" s="195" t="s">
        <v>1790</v>
      </c>
      <c r="J9" s="195" t="s">
        <v>1790</v>
      </c>
    </row>
    <row r="10" spans="2:10" s="184" customFormat="1" ht="15" customHeight="1" x14ac:dyDescent="0.4">
      <c r="B10" s="194" t="s">
        <v>1791</v>
      </c>
      <c r="C10" s="187" t="s">
        <v>1792</v>
      </c>
      <c r="D10" s="187" t="s">
        <v>1793</v>
      </c>
      <c r="E10" s="187" t="s">
        <v>1793</v>
      </c>
      <c r="F10" s="195" t="s">
        <v>1793</v>
      </c>
      <c r="G10" s="187" t="s">
        <v>1794</v>
      </c>
      <c r="H10" s="187" t="s">
        <v>1795</v>
      </c>
      <c r="I10" s="187" t="s">
        <v>1796</v>
      </c>
      <c r="J10" s="187" t="s">
        <v>1797</v>
      </c>
    </row>
    <row r="11" spans="2:10" s="184" customFormat="1" ht="15" customHeight="1" thickBot="1" x14ac:dyDescent="0.45">
      <c r="B11" s="196" t="s">
        <v>532</v>
      </c>
      <c r="C11" s="197" t="s">
        <v>1798</v>
      </c>
      <c r="D11" s="197" t="s">
        <v>1990</v>
      </c>
      <c r="E11" s="197" t="s">
        <v>1793</v>
      </c>
      <c r="F11" s="197" t="s">
        <v>1799</v>
      </c>
      <c r="G11" s="197" t="s">
        <v>1800</v>
      </c>
      <c r="H11" s="197" t="s">
        <v>1795</v>
      </c>
      <c r="I11" s="197" t="s">
        <v>1991</v>
      </c>
      <c r="J11" s="197" t="s">
        <v>1801</v>
      </c>
    </row>
    <row r="12" spans="2:10" s="184" customFormat="1" ht="15" customHeight="1" x14ac:dyDescent="0.4">
      <c r="B12" s="198" t="s">
        <v>1802</v>
      </c>
      <c r="J12" s="199"/>
    </row>
    <row r="13" spans="2:10" ht="15" customHeight="1" x14ac:dyDescent="0.4">
      <c r="B13" s="191" t="s">
        <v>1803</v>
      </c>
      <c r="C13" s="200" t="s">
        <v>1804</v>
      </c>
      <c r="D13" s="201" t="s">
        <v>1805</v>
      </c>
      <c r="E13" s="202" t="s">
        <v>1806</v>
      </c>
      <c r="F13" s="202" t="s">
        <v>1807</v>
      </c>
      <c r="G13" s="355" t="s">
        <v>1808</v>
      </c>
      <c r="H13" s="356"/>
      <c r="I13" s="355" t="s">
        <v>1809</v>
      </c>
      <c r="J13" s="356"/>
    </row>
    <row r="14" spans="2:10" s="184" customFormat="1" ht="15" customHeight="1" x14ac:dyDescent="0.4">
      <c r="B14" s="203" t="s">
        <v>1810</v>
      </c>
      <c r="C14" s="204"/>
      <c r="D14" s="204"/>
      <c r="E14" s="205"/>
      <c r="F14" s="205"/>
      <c r="G14" s="204"/>
      <c r="H14" s="324">
        <f>+SUMPRODUCT(H17:H37,J17:J37)/J14</f>
        <v>3.0106895596850922</v>
      </c>
      <c r="I14" s="183"/>
      <c r="J14" s="206">
        <f>+SUM(J15:J37)</f>
        <v>11981400000</v>
      </c>
    </row>
    <row r="15" spans="2:10" s="184" customFormat="1" ht="15" customHeight="1" x14ac:dyDescent="0.4">
      <c r="B15" s="203"/>
      <c r="C15" s="205"/>
      <c r="D15" s="205"/>
      <c r="E15" s="205"/>
      <c r="F15" s="205"/>
      <c r="G15" s="205"/>
      <c r="H15" s="207"/>
      <c r="I15" s="207"/>
      <c r="J15" s="208"/>
    </row>
    <row r="16" spans="2:10" s="184" customFormat="1" ht="15" customHeight="1" x14ac:dyDescent="0.4">
      <c r="B16" s="209" t="s">
        <v>1811</v>
      </c>
      <c r="C16" s="205"/>
      <c r="D16" s="205"/>
      <c r="E16" s="210"/>
      <c r="F16" s="210"/>
      <c r="G16" s="211"/>
      <c r="H16" s="207"/>
      <c r="I16" s="208"/>
      <c r="J16" s="208"/>
    </row>
    <row r="17" spans="2:10" s="184" customFormat="1" ht="15" customHeight="1" x14ac:dyDescent="0.4">
      <c r="B17" s="212" t="s">
        <v>1812</v>
      </c>
      <c r="C17" s="213">
        <v>43004</v>
      </c>
      <c r="D17" s="213" t="s">
        <v>1813</v>
      </c>
      <c r="E17" s="213">
        <v>46656</v>
      </c>
      <c r="F17" s="213">
        <v>47022</v>
      </c>
      <c r="G17" s="183"/>
      <c r="H17" s="325">
        <f>+(E17-$J$4)/365</f>
        <v>1.4904109589041097</v>
      </c>
      <c r="I17" s="214"/>
      <c r="J17" s="215">
        <v>1000000000</v>
      </c>
    </row>
    <row r="18" spans="2:10" s="184" customFormat="1" ht="15" customHeight="1" x14ac:dyDescent="0.4">
      <c r="B18" s="212" t="s">
        <v>1814</v>
      </c>
      <c r="C18" s="213">
        <v>45035</v>
      </c>
      <c r="D18" s="213" t="s">
        <v>1813</v>
      </c>
      <c r="E18" s="213">
        <v>46862</v>
      </c>
      <c r="F18" s="213">
        <v>47227</v>
      </c>
      <c r="G18" s="211"/>
      <c r="H18" s="325">
        <f t="shared" ref="H18:H19" si="0">+(E18-$J$4)/365</f>
        <v>2.0547945205479454</v>
      </c>
      <c r="I18" s="214"/>
      <c r="J18" s="215">
        <v>750000000</v>
      </c>
    </row>
    <row r="19" spans="2:10" s="184" customFormat="1" ht="15" customHeight="1" x14ac:dyDescent="0.4">
      <c r="B19" s="212" t="s">
        <v>1815</v>
      </c>
      <c r="C19" s="213">
        <v>45180</v>
      </c>
      <c r="D19" s="213" t="s">
        <v>1813</v>
      </c>
      <c r="E19" s="213">
        <v>46276</v>
      </c>
      <c r="F19" s="213">
        <v>46641</v>
      </c>
      <c r="G19" s="211"/>
      <c r="H19" s="325">
        <f t="shared" si="0"/>
        <v>0.44931506849315067</v>
      </c>
      <c r="I19" s="214"/>
      <c r="J19" s="215">
        <v>850000000</v>
      </c>
    </row>
    <row r="20" spans="2:10" s="184" customFormat="1" ht="15" customHeight="1" x14ac:dyDescent="0.4">
      <c r="B20" s="212" t="s">
        <v>1816</v>
      </c>
      <c r="C20" s="213">
        <v>45337</v>
      </c>
      <c r="D20" s="213" t="s">
        <v>1813</v>
      </c>
      <c r="E20" s="213">
        <v>47894</v>
      </c>
      <c r="F20" s="213">
        <v>48259</v>
      </c>
      <c r="G20" s="211"/>
      <c r="H20" s="325">
        <f>+(E20-$J$4)/365</f>
        <v>4.882191780821918</v>
      </c>
      <c r="I20" s="214"/>
      <c r="J20" s="215">
        <v>1000000000</v>
      </c>
    </row>
    <row r="21" spans="2:10" s="184" customFormat="1" ht="15" customHeight="1" x14ac:dyDescent="0.4">
      <c r="B21" s="212" t="s">
        <v>1817</v>
      </c>
      <c r="C21" s="213">
        <v>45707</v>
      </c>
      <c r="D21" s="213" t="s">
        <v>1813</v>
      </c>
      <c r="E21" s="213">
        <v>47533</v>
      </c>
      <c r="F21" s="213">
        <v>47898</v>
      </c>
      <c r="G21" s="211"/>
      <c r="H21" s="325">
        <f>+(E21-$J$4)/365</f>
        <v>3.893150684931507</v>
      </c>
      <c r="I21" s="214"/>
      <c r="J21" s="215">
        <v>500000000</v>
      </c>
    </row>
    <row r="22" spans="2:10" s="184" customFormat="1" ht="15" customHeight="1" x14ac:dyDescent="0.4">
      <c r="B22" s="209" t="s">
        <v>1818</v>
      </c>
      <c r="C22" s="213"/>
      <c r="D22" s="213"/>
      <c r="E22" s="213"/>
      <c r="F22" s="213"/>
      <c r="G22" s="210"/>
      <c r="H22" s="214"/>
      <c r="I22" s="214"/>
      <c r="J22" s="215"/>
    </row>
    <row r="23" spans="2:10" s="184" customFormat="1" ht="15" customHeight="1" x14ac:dyDescent="0.4">
      <c r="B23" s="212" t="s">
        <v>1819</v>
      </c>
      <c r="C23" s="213">
        <v>43076</v>
      </c>
      <c r="D23" s="213" t="s">
        <v>1813</v>
      </c>
      <c r="E23" s="213">
        <v>46728</v>
      </c>
      <c r="F23" s="213">
        <v>47094</v>
      </c>
      <c r="G23" s="211"/>
      <c r="H23" s="325">
        <f>+(E23-$J$4)/365</f>
        <v>1.6876712328767123</v>
      </c>
      <c r="I23" s="214"/>
      <c r="J23" s="216">
        <v>750000000</v>
      </c>
    </row>
    <row r="24" spans="2:10" s="184" customFormat="1" ht="15" customHeight="1" x14ac:dyDescent="0.4">
      <c r="B24" s="212" t="s">
        <v>1820</v>
      </c>
      <c r="C24" s="213">
        <v>42835</v>
      </c>
      <c r="D24" s="213" t="s">
        <v>1813</v>
      </c>
      <c r="E24" s="213">
        <v>46487</v>
      </c>
      <c r="F24" s="213">
        <v>46853</v>
      </c>
      <c r="G24" s="211"/>
      <c r="H24" s="325">
        <f t="shared" ref="H24:H36" si="1">+(E24-$J$4)/365</f>
        <v>1.0273972602739727</v>
      </c>
      <c r="I24" s="214"/>
      <c r="J24" s="216">
        <v>1000000000</v>
      </c>
    </row>
    <row r="25" spans="2:10" s="184" customFormat="1" ht="15" customHeight="1" x14ac:dyDescent="0.4">
      <c r="B25" s="212" t="s">
        <v>1821</v>
      </c>
      <c r="C25" s="213">
        <v>43651</v>
      </c>
      <c r="D25" s="213" t="s">
        <v>1813</v>
      </c>
      <c r="E25" s="213">
        <v>47304</v>
      </c>
      <c r="F25" s="213">
        <v>47669</v>
      </c>
      <c r="G25" s="211"/>
      <c r="H25" s="325">
        <f t="shared" si="1"/>
        <v>3.2657534246575342</v>
      </c>
      <c r="I25" s="214"/>
      <c r="J25" s="216">
        <v>1100000000</v>
      </c>
    </row>
    <row r="26" spans="2:10" ht="15" customHeight="1" x14ac:dyDescent="0.4">
      <c r="B26" s="212" t="s">
        <v>1822</v>
      </c>
      <c r="C26" s="213">
        <v>45684</v>
      </c>
      <c r="D26" s="213" t="s">
        <v>1813</v>
      </c>
      <c r="E26" s="213">
        <v>48240</v>
      </c>
      <c r="F26" s="213">
        <v>48606</v>
      </c>
      <c r="G26" s="211"/>
      <c r="H26" s="325">
        <f t="shared" si="1"/>
        <v>5.8301369863013699</v>
      </c>
      <c r="I26" s="214"/>
      <c r="J26" s="216">
        <v>1000000000</v>
      </c>
    </row>
    <row r="27" spans="2:10" ht="15" customHeight="1" x14ac:dyDescent="0.4">
      <c r="B27" s="212" t="s">
        <v>1823</v>
      </c>
      <c r="C27" s="213">
        <v>44132</v>
      </c>
      <c r="D27" s="213" t="s">
        <v>1813</v>
      </c>
      <c r="E27" s="213">
        <v>47784</v>
      </c>
      <c r="F27" s="213">
        <v>48149</v>
      </c>
      <c r="G27" s="211"/>
      <c r="H27" s="325">
        <f t="shared" si="1"/>
        <v>4.580821917808219</v>
      </c>
      <c r="I27" s="214"/>
      <c r="J27" s="216">
        <v>750000000</v>
      </c>
    </row>
    <row r="28" spans="2:10" ht="15" customHeight="1" x14ac:dyDescent="0.4">
      <c r="B28" s="212" t="s">
        <v>1824</v>
      </c>
      <c r="C28" s="213">
        <v>44624</v>
      </c>
      <c r="D28" s="213" t="s">
        <v>1813</v>
      </c>
      <c r="E28" s="213">
        <v>47181</v>
      </c>
      <c r="F28" s="213">
        <v>47546</v>
      </c>
      <c r="G28" s="211"/>
      <c r="H28" s="325">
        <f t="shared" si="1"/>
        <v>2.9287671232876713</v>
      </c>
      <c r="I28" s="214"/>
      <c r="J28" s="216">
        <v>750000000</v>
      </c>
    </row>
    <row r="29" spans="2:10" ht="15" customHeight="1" x14ac:dyDescent="0.4">
      <c r="B29" s="212" t="s">
        <v>1825</v>
      </c>
      <c r="C29" s="213">
        <v>45079</v>
      </c>
      <c r="D29" s="213" t="s">
        <v>1813</v>
      </c>
      <c r="E29" s="213">
        <v>47636</v>
      </c>
      <c r="F29" s="213">
        <v>48001</v>
      </c>
      <c r="G29" s="211"/>
      <c r="H29" s="325">
        <f t="shared" si="1"/>
        <v>4.1753424657534248</v>
      </c>
      <c r="I29" s="214"/>
      <c r="J29" s="216">
        <v>1000000000</v>
      </c>
    </row>
    <row r="30" spans="2:10" ht="15" customHeight="1" x14ac:dyDescent="0.4">
      <c r="B30" s="212" t="s">
        <v>1826</v>
      </c>
      <c r="C30" s="213">
        <v>45215</v>
      </c>
      <c r="D30" s="213" t="s">
        <v>1813</v>
      </c>
      <c r="E30" s="213">
        <v>47042</v>
      </c>
      <c r="F30" s="213">
        <v>47407</v>
      </c>
      <c r="G30" s="211"/>
      <c r="H30" s="325">
        <f t="shared" si="1"/>
        <v>2.547945205479452</v>
      </c>
      <c r="I30" s="214"/>
      <c r="J30" s="216">
        <v>25700000</v>
      </c>
    </row>
    <row r="31" spans="2:10" ht="15" customHeight="1" x14ac:dyDescent="0.4">
      <c r="B31" s="212" t="s">
        <v>1827</v>
      </c>
      <c r="C31" s="213">
        <v>45245</v>
      </c>
      <c r="D31" s="213" t="s">
        <v>1813</v>
      </c>
      <c r="E31" s="213">
        <v>47072</v>
      </c>
      <c r="F31" s="213">
        <v>47437</v>
      </c>
      <c r="G31" s="211"/>
      <c r="H31" s="325">
        <f t="shared" si="1"/>
        <v>2.6301369863013697</v>
      </c>
      <c r="I31" s="214"/>
      <c r="J31" s="216">
        <v>27300000</v>
      </c>
    </row>
    <row r="32" spans="2:10" ht="15" customHeight="1" x14ac:dyDescent="0.4">
      <c r="B32" s="212" t="s">
        <v>1828</v>
      </c>
      <c r="C32" s="213">
        <v>45288</v>
      </c>
      <c r="D32" s="213" t="s">
        <v>1813</v>
      </c>
      <c r="E32" s="213">
        <v>47115</v>
      </c>
      <c r="F32" s="213">
        <v>47480</v>
      </c>
      <c r="G32" s="211"/>
      <c r="H32" s="325">
        <f t="shared" si="1"/>
        <v>2.7479452054794522</v>
      </c>
      <c r="I32" s="214"/>
      <c r="J32" s="216">
        <v>16900000</v>
      </c>
    </row>
    <row r="33" spans="2:10" ht="15" customHeight="1" x14ac:dyDescent="0.4">
      <c r="B33" s="212" t="s">
        <v>1829</v>
      </c>
      <c r="C33" s="213">
        <v>45327</v>
      </c>
      <c r="D33" s="213" t="s">
        <v>1813</v>
      </c>
      <c r="E33" s="213">
        <v>47154</v>
      </c>
      <c r="F33" s="213">
        <v>47519</v>
      </c>
      <c r="G33" s="211"/>
      <c r="H33" s="325">
        <f t="shared" si="1"/>
        <v>2.8547945205479452</v>
      </c>
      <c r="I33" s="214"/>
      <c r="J33" s="216">
        <v>11900000</v>
      </c>
    </row>
    <row r="34" spans="2:10" ht="15" customHeight="1" x14ac:dyDescent="0.4">
      <c r="B34" s="212" t="s">
        <v>1830</v>
      </c>
      <c r="C34" s="213">
        <v>45358</v>
      </c>
      <c r="D34" s="213" t="s">
        <v>1813</v>
      </c>
      <c r="E34" s="213">
        <v>47184</v>
      </c>
      <c r="F34" s="213">
        <v>47549</v>
      </c>
      <c r="G34" s="211"/>
      <c r="H34" s="325">
        <f t="shared" si="1"/>
        <v>2.9369863013698629</v>
      </c>
      <c r="I34" s="214"/>
      <c r="J34" s="216">
        <v>49600000</v>
      </c>
    </row>
    <row r="35" spans="2:10" s="184" customFormat="1" ht="15" customHeight="1" x14ac:dyDescent="0.4">
      <c r="B35" s="212" t="s">
        <v>1831</v>
      </c>
      <c r="C35" s="213">
        <v>45441</v>
      </c>
      <c r="D35" s="213" t="s">
        <v>1813</v>
      </c>
      <c r="E35" s="213">
        <v>47267</v>
      </c>
      <c r="F35" s="213">
        <v>47632</v>
      </c>
      <c r="G35" s="211"/>
      <c r="H35" s="325">
        <f t="shared" si="1"/>
        <v>3.1643835616438358</v>
      </c>
      <c r="I35" s="214"/>
      <c r="J35" s="216">
        <v>1000000000</v>
      </c>
    </row>
    <row r="36" spans="2:10" s="184" customFormat="1" ht="15" customHeight="1" x14ac:dyDescent="0.4">
      <c r="B36" s="212" t="s">
        <v>1832</v>
      </c>
      <c r="C36" s="213">
        <v>45727</v>
      </c>
      <c r="D36" s="213" t="s">
        <v>1833</v>
      </c>
      <c r="E36" s="213">
        <v>46823</v>
      </c>
      <c r="F36" s="213">
        <v>47188</v>
      </c>
      <c r="G36" s="211"/>
      <c r="H36" s="325">
        <f t="shared" si="1"/>
        <v>1.9479452054794522</v>
      </c>
      <c r="I36" s="214"/>
      <c r="J36" s="215">
        <v>400000000</v>
      </c>
    </row>
    <row r="37" spans="2:10" s="184" customFormat="1" ht="15" customHeight="1" x14ac:dyDescent="0.4">
      <c r="B37" s="212"/>
      <c r="C37" s="213"/>
      <c r="D37" s="213"/>
      <c r="E37" s="213"/>
      <c r="F37" s="213"/>
      <c r="G37" s="211"/>
      <c r="H37" s="325"/>
      <c r="I37" s="214"/>
      <c r="J37" s="215"/>
    </row>
    <row r="38" spans="2:10" s="184" customFormat="1" ht="15" customHeight="1" x14ac:dyDescent="0.4">
      <c r="B38" s="217" t="s">
        <v>1834</v>
      </c>
      <c r="C38" s="217"/>
      <c r="D38" s="217"/>
      <c r="E38" s="217"/>
      <c r="F38" s="191"/>
      <c r="G38" s="372" t="s">
        <v>1808</v>
      </c>
      <c r="H38" s="376"/>
      <c r="I38" s="372" t="s">
        <v>1809</v>
      </c>
      <c r="J38" s="373"/>
    </row>
    <row r="39" spans="2:10" s="184" customFormat="1" ht="15" customHeight="1" x14ac:dyDescent="0.4">
      <c r="B39" s="203" t="s">
        <v>1835</v>
      </c>
      <c r="C39" s="203"/>
      <c r="D39" s="203"/>
      <c r="E39" s="203"/>
      <c r="F39" s="183"/>
      <c r="G39" s="183"/>
      <c r="H39" s="207">
        <v>27.027873989679012</v>
      </c>
      <c r="I39" s="218"/>
      <c r="J39" s="218">
        <v>14769100162.630329</v>
      </c>
    </row>
    <row r="40" spans="2:10" ht="15" customHeight="1" x14ac:dyDescent="0.4">
      <c r="B40" s="203" t="s">
        <v>1836</v>
      </c>
      <c r="C40" s="203"/>
      <c r="D40" s="203"/>
      <c r="E40" s="203"/>
      <c r="H40" s="208">
        <v>0</v>
      </c>
      <c r="I40" s="374">
        <f>+SUM(I41:J43)</f>
        <v>344500000</v>
      </c>
      <c r="J40" s="374"/>
    </row>
    <row r="41" spans="2:10" s="184" customFormat="1" ht="15" customHeight="1" x14ac:dyDescent="0.4">
      <c r="B41" s="212" t="s">
        <v>1837</v>
      </c>
      <c r="C41" s="212"/>
      <c r="D41" s="212"/>
      <c r="E41" s="212"/>
      <c r="F41" s="219"/>
      <c r="G41" s="219"/>
      <c r="H41" s="216">
        <v>0</v>
      </c>
      <c r="I41" s="215"/>
      <c r="J41" s="215">
        <v>344500000</v>
      </c>
    </row>
    <row r="42" spans="2:10" s="184" customFormat="1" ht="15" customHeight="1" x14ac:dyDescent="0.4">
      <c r="B42" s="212" t="s">
        <v>1838</v>
      </c>
      <c r="C42" s="212"/>
      <c r="D42" s="212"/>
      <c r="E42" s="212"/>
      <c r="F42" s="183"/>
      <c r="G42" s="183"/>
      <c r="H42" s="216">
        <v>0</v>
      </c>
      <c r="I42" s="345">
        <v>0</v>
      </c>
      <c r="J42" s="345"/>
    </row>
    <row r="43" spans="2:10" s="184" customFormat="1" ht="15" customHeight="1" x14ac:dyDescent="0.4">
      <c r="B43" s="212" t="s">
        <v>1839</v>
      </c>
      <c r="C43" s="212"/>
      <c r="D43" s="212"/>
      <c r="E43" s="212"/>
      <c r="F43" s="183"/>
      <c r="G43" s="183"/>
      <c r="H43" s="216">
        <v>0</v>
      </c>
      <c r="I43" s="345">
        <v>0</v>
      </c>
      <c r="J43" s="345"/>
    </row>
    <row r="44" spans="2:10" s="184" customFormat="1" ht="15" customHeight="1" x14ac:dyDescent="0.4">
      <c r="B44" s="209" t="s">
        <v>1840</v>
      </c>
      <c r="C44" s="209"/>
      <c r="D44" s="209"/>
      <c r="E44" s="209"/>
      <c r="F44" s="183"/>
      <c r="G44" s="183"/>
      <c r="H44" s="208">
        <f>+H39</f>
        <v>27.027873989679012</v>
      </c>
      <c r="I44" s="206"/>
      <c r="J44" s="206">
        <f>+J39+I40</f>
        <v>15113600162.630329</v>
      </c>
    </row>
    <row r="45" spans="2:10" s="184" customFormat="1" ht="15" customHeight="1" x14ac:dyDescent="0.4">
      <c r="B45" s="212" t="s">
        <v>1841</v>
      </c>
      <c r="C45" s="212"/>
      <c r="D45" s="212"/>
      <c r="E45" s="212"/>
      <c r="F45" s="183"/>
      <c r="G45" s="183"/>
      <c r="H45" s="220" t="s">
        <v>1842</v>
      </c>
      <c r="I45" s="220"/>
      <c r="J45" s="220">
        <v>0</v>
      </c>
    </row>
    <row r="46" spans="2:10" s="184" customFormat="1" ht="15" customHeight="1" thickBot="1" x14ac:dyDescent="0.45">
      <c r="B46" s="221" t="s">
        <v>1843</v>
      </c>
      <c r="C46" s="221"/>
      <c r="D46" s="221"/>
      <c r="E46" s="221"/>
      <c r="F46" s="222"/>
      <c r="G46" s="222"/>
      <c r="H46" s="222"/>
      <c r="I46" s="222"/>
      <c r="J46" s="222">
        <f>+J44/J14-1</f>
        <v>0.26142188413961054</v>
      </c>
    </row>
    <row r="47" spans="2:10" s="224" customFormat="1" ht="15" customHeight="1" thickBot="1" x14ac:dyDescent="0.45">
      <c r="B47" s="223" t="s">
        <v>1844</v>
      </c>
      <c r="C47" s="223"/>
      <c r="D47" s="223"/>
      <c r="E47" s="223"/>
      <c r="F47" s="222"/>
      <c r="G47" s="222"/>
      <c r="H47" s="222"/>
      <c r="I47" s="222"/>
      <c r="J47" s="222">
        <v>0.05</v>
      </c>
    </row>
    <row r="48" spans="2:10" s="184" customFormat="1" ht="15" customHeight="1" x14ac:dyDescent="0.4">
      <c r="B48" s="225"/>
      <c r="C48" s="226"/>
      <c r="D48" s="226"/>
      <c r="E48" s="226"/>
      <c r="F48" s="226"/>
      <c r="G48" s="226"/>
      <c r="H48" s="226"/>
      <c r="I48" s="226"/>
      <c r="J48" s="226"/>
    </row>
    <row r="49" spans="2:10" s="184" customFormat="1" ht="15" customHeight="1" x14ac:dyDescent="0.4">
      <c r="B49" s="227" t="s">
        <v>1845</v>
      </c>
      <c r="C49" s="227"/>
      <c r="D49" s="227"/>
      <c r="E49" s="227"/>
      <c r="F49" s="227"/>
      <c r="G49" s="227"/>
      <c r="H49" s="227"/>
      <c r="I49" s="227"/>
      <c r="J49" s="227"/>
    </row>
    <row r="50" spans="2:10" s="184" customFormat="1" ht="15" customHeight="1" x14ac:dyDescent="0.4">
      <c r="B50" s="368" t="s">
        <v>1846</v>
      </c>
      <c r="C50" s="368"/>
      <c r="D50" s="368"/>
      <c r="E50" s="368"/>
      <c r="F50" s="368"/>
      <c r="G50" s="368"/>
      <c r="H50" s="229"/>
      <c r="I50" s="183"/>
      <c r="J50" s="230">
        <v>14550534700.910278</v>
      </c>
    </row>
    <row r="51" spans="2:10" s="184" customFormat="1" ht="15" customHeight="1" x14ac:dyDescent="0.4">
      <c r="B51" s="368" t="s">
        <v>1847</v>
      </c>
      <c r="C51" s="368"/>
      <c r="D51" s="368"/>
      <c r="E51" s="368"/>
      <c r="F51" s="368"/>
      <c r="G51" s="368"/>
      <c r="H51" s="229"/>
      <c r="I51" s="231"/>
      <c r="J51" s="230">
        <v>12192404863.73554</v>
      </c>
    </row>
    <row r="52" spans="2:10" s="184" customFormat="1" ht="15" customHeight="1" x14ac:dyDescent="0.4">
      <c r="B52" s="368" t="s">
        <v>1848</v>
      </c>
      <c r="C52" s="368"/>
      <c r="D52" s="368"/>
      <c r="E52" s="368"/>
      <c r="F52" s="368"/>
      <c r="G52" s="368"/>
      <c r="H52" s="229"/>
      <c r="I52" s="183"/>
      <c r="J52" s="214" t="s">
        <v>1849</v>
      </c>
    </row>
    <row r="53" spans="2:10" s="184" customFormat="1" ht="15" customHeight="1" x14ac:dyDescent="0.4">
      <c r="B53" s="368" t="s">
        <v>1850</v>
      </c>
      <c r="C53" s="368"/>
      <c r="D53" s="368"/>
      <c r="E53" s="368"/>
      <c r="F53" s="368"/>
      <c r="G53" s="368"/>
      <c r="H53" s="229"/>
      <c r="I53" s="183"/>
      <c r="J53" s="214" t="s">
        <v>1849</v>
      </c>
    </row>
    <row r="54" spans="2:10" s="184" customFormat="1" ht="15" customHeight="1" x14ac:dyDescent="0.4">
      <c r="B54" s="368" t="s">
        <v>1851</v>
      </c>
      <c r="C54" s="368"/>
      <c r="D54" s="368"/>
      <c r="E54" s="368"/>
      <c r="F54" s="368"/>
      <c r="G54" s="368"/>
      <c r="H54" s="229"/>
      <c r="I54" s="183"/>
      <c r="J54" s="214" t="s">
        <v>1849</v>
      </c>
    </row>
    <row r="55" spans="2:10" s="184" customFormat="1" ht="15" customHeight="1" x14ac:dyDescent="0.4">
      <c r="B55" s="368" t="s">
        <v>1852</v>
      </c>
      <c r="C55" s="368"/>
      <c r="D55" s="368"/>
      <c r="E55" s="368"/>
      <c r="F55" s="368"/>
      <c r="G55" s="368"/>
      <c r="H55" s="232"/>
      <c r="I55" s="183"/>
      <c r="J55" s="214" t="s">
        <v>1849</v>
      </c>
    </row>
    <row r="56" spans="2:10" s="184" customFormat="1" ht="15" customHeight="1" x14ac:dyDescent="0.4">
      <c r="B56" s="368" t="s">
        <v>1853</v>
      </c>
      <c r="C56" s="368"/>
      <c r="D56" s="368"/>
      <c r="E56" s="368"/>
      <c r="F56" s="368"/>
      <c r="G56" s="368"/>
      <c r="H56" s="233"/>
      <c r="I56" s="183"/>
      <c r="J56" s="214" t="s">
        <v>1849</v>
      </c>
    </row>
    <row r="57" spans="2:10" s="184" customFormat="1" ht="15" customHeight="1" thickBot="1" x14ac:dyDescent="0.45">
      <c r="B57" s="375" t="s">
        <v>1854</v>
      </c>
      <c r="C57" s="375"/>
      <c r="D57" s="375"/>
      <c r="E57" s="375"/>
      <c r="F57" s="375"/>
      <c r="G57" s="375"/>
      <c r="H57" s="235"/>
      <c r="I57" s="236"/>
      <c r="J57" s="237" t="s">
        <v>1849</v>
      </c>
    </row>
    <row r="58" spans="2:10" s="184" customFormat="1" ht="15" customHeight="1" x14ac:dyDescent="0.4">
      <c r="B58" s="225"/>
      <c r="C58" s="226"/>
      <c r="D58" s="226"/>
      <c r="E58" s="226"/>
      <c r="F58" s="226"/>
      <c r="G58" s="226"/>
      <c r="H58" s="226"/>
      <c r="I58" s="226"/>
      <c r="J58" s="226"/>
    </row>
    <row r="59" spans="2:10" s="184" customFormat="1" ht="15" customHeight="1" x14ac:dyDescent="0.4">
      <c r="B59" s="227" t="s">
        <v>1855</v>
      </c>
      <c r="C59" s="227"/>
      <c r="D59" s="227"/>
      <c r="E59" s="227"/>
      <c r="F59" s="227"/>
      <c r="G59" s="227"/>
      <c r="H59" s="227"/>
      <c r="I59" s="227"/>
      <c r="J59" s="227"/>
    </row>
    <row r="60" spans="2:10" s="184" customFormat="1" ht="15" customHeight="1" x14ac:dyDescent="0.4">
      <c r="B60" s="363" t="s">
        <v>1856</v>
      </c>
      <c r="C60" s="363"/>
      <c r="D60" s="363"/>
      <c r="E60" s="363"/>
      <c r="F60" s="363"/>
      <c r="G60" s="363"/>
      <c r="H60" s="239"/>
      <c r="I60" s="240"/>
    </row>
    <row r="61" spans="2:10" s="184" customFormat="1" ht="15" customHeight="1" x14ac:dyDescent="0.4">
      <c r="B61" s="368" t="s">
        <v>1857</v>
      </c>
      <c r="C61" s="368"/>
      <c r="D61" s="368"/>
      <c r="E61" s="368"/>
      <c r="F61" s="368"/>
      <c r="G61" s="368"/>
      <c r="H61" s="240"/>
      <c r="J61" s="214" t="s">
        <v>1750</v>
      </c>
    </row>
    <row r="62" spans="2:10" s="184" customFormat="1" ht="15" customHeight="1" x14ac:dyDescent="0.4">
      <c r="B62" s="368" t="s">
        <v>1858</v>
      </c>
      <c r="C62" s="368"/>
      <c r="D62" s="368"/>
      <c r="E62" s="368"/>
      <c r="F62" s="368"/>
      <c r="G62" s="368"/>
      <c r="H62" s="240"/>
      <c r="J62" s="214" t="s">
        <v>1750</v>
      </c>
    </row>
    <row r="63" spans="2:10" s="184" customFormat="1" ht="15" customHeight="1" x14ac:dyDescent="0.4">
      <c r="B63" s="368" t="s">
        <v>1859</v>
      </c>
      <c r="C63" s="368"/>
      <c r="D63" s="368"/>
      <c r="E63" s="368"/>
      <c r="F63" s="368"/>
      <c r="G63" s="368"/>
      <c r="H63" s="240"/>
      <c r="J63" s="214" t="s">
        <v>1750</v>
      </c>
    </row>
    <row r="64" spans="2:10" s="184" customFormat="1" ht="15" customHeight="1" thickBot="1" x14ac:dyDescent="0.45">
      <c r="B64" s="369" t="s">
        <v>1860</v>
      </c>
      <c r="C64" s="369"/>
      <c r="D64" s="369"/>
      <c r="E64" s="369"/>
      <c r="F64" s="369"/>
      <c r="G64" s="369"/>
      <c r="H64" s="241"/>
      <c r="I64" s="242"/>
      <c r="J64" s="243" t="s">
        <v>1790</v>
      </c>
    </row>
    <row r="65" spans="2:10" s="184" customFormat="1" ht="15" customHeight="1" x14ac:dyDescent="0.4">
      <c r="B65" s="225"/>
      <c r="C65" s="226"/>
      <c r="D65" s="226"/>
      <c r="E65" s="226"/>
      <c r="F65" s="226"/>
      <c r="G65" s="226"/>
      <c r="H65" s="226"/>
      <c r="I65" s="226"/>
      <c r="J65" s="226"/>
    </row>
    <row r="66" spans="2:10" s="184" customFormat="1" ht="15" customHeight="1" x14ac:dyDescent="0.4">
      <c r="B66" s="227" t="s">
        <v>1861</v>
      </c>
      <c r="C66" s="227"/>
      <c r="D66" s="227"/>
      <c r="E66" s="227"/>
      <c r="F66" s="227"/>
      <c r="G66" s="227"/>
      <c r="H66" s="227"/>
      <c r="I66" s="227"/>
      <c r="J66" s="227"/>
    </row>
    <row r="67" spans="2:10" s="184" customFormat="1" ht="15" customHeight="1" x14ac:dyDescent="0.4">
      <c r="B67" s="244" t="s">
        <v>1862</v>
      </c>
      <c r="C67" s="244"/>
      <c r="D67" s="244"/>
      <c r="E67" s="244"/>
      <c r="F67" s="245"/>
      <c r="G67" s="245"/>
      <c r="H67" s="246"/>
      <c r="I67" s="246"/>
      <c r="J67" s="246"/>
    </row>
    <row r="68" spans="2:10" ht="15" customHeight="1" x14ac:dyDescent="0.4">
      <c r="B68" s="194" t="s">
        <v>645</v>
      </c>
      <c r="C68" s="194"/>
      <c r="D68" s="194"/>
      <c r="E68" s="194"/>
      <c r="F68" s="185"/>
      <c r="G68" s="185"/>
      <c r="H68" s="194"/>
      <c r="I68" s="228"/>
      <c r="J68" s="247">
        <v>194288</v>
      </c>
    </row>
    <row r="69" spans="2:10" s="184" customFormat="1" ht="15" customHeight="1" x14ac:dyDescent="0.4">
      <c r="B69" s="194" t="s">
        <v>1863</v>
      </c>
      <c r="C69" s="194"/>
      <c r="D69" s="194"/>
      <c r="E69" s="194"/>
      <c r="F69" s="185"/>
      <c r="G69" s="185"/>
      <c r="H69" s="194"/>
      <c r="I69" s="345">
        <v>19795156490.299889</v>
      </c>
      <c r="J69" s="345"/>
    </row>
    <row r="70" spans="2:10" s="184" customFormat="1" ht="15" customHeight="1" x14ac:dyDescent="0.4">
      <c r="B70" s="194" t="s">
        <v>1864</v>
      </c>
      <c r="C70" s="194"/>
      <c r="D70" s="194"/>
      <c r="E70" s="194"/>
      <c r="F70" s="185"/>
      <c r="G70" s="185"/>
      <c r="H70" s="194"/>
      <c r="I70" s="345">
        <f>+J39</f>
        <v>14769100162.630329</v>
      </c>
      <c r="J70" s="345"/>
    </row>
    <row r="71" spans="2:10" s="184" customFormat="1" ht="15" customHeight="1" x14ac:dyDescent="0.4">
      <c r="B71" s="194" t="s">
        <v>1865</v>
      </c>
      <c r="C71" s="194"/>
      <c r="D71" s="194"/>
      <c r="E71" s="194"/>
      <c r="F71" s="185"/>
      <c r="G71" s="185"/>
      <c r="H71" s="194"/>
      <c r="I71" s="228"/>
      <c r="J71" s="326">
        <f>I69/J68</f>
        <v>101885.63622199975</v>
      </c>
    </row>
    <row r="72" spans="2:10" s="184" customFormat="1" ht="15" customHeight="1" x14ac:dyDescent="0.4">
      <c r="B72" s="194" t="s">
        <v>1866</v>
      </c>
      <c r="C72" s="194"/>
      <c r="D72" s="194"/>
      <c r="E72" s="194"/>
      <c r="F72" s="185"/>
      <c r="G72" s="185"/>
      <c r="H72" s="194"/>
      <c r="I72" s="228"/>
      <c r="J72" s="326">
        <f>I70/J68</f>
        <v>76016.532995503221</v>
      </c>
    </row>
    <row r="73" spans="2:10" s="184" customFormat="1" ht="15" customHeight="1" x14ac:dyDescent="0.4">
      <c r="B73" s="194" t="s">
        <v>1867</v>
      </c>
      <c r="C73" s="194"/>
      <c r="D73" s="194"/>
      <c r="E73" s="194"/>
      <c r="F73" s="185"/>
      <c r="G73" s="185"/>
      <c r="H73" s="194"/>
      <c r="I73" s="228"/>
      <c r="J73" s="216">
        <v>18137714.369999997</v>
      </c>
    </row>
    <row r="74" spans="2:10" s="184" customFormat="1" ht="15" customHeight="1" x14ac:dyDescent="0.4">
      <c r="B74" s="194" t="s">
        <v>1868</v>
      </c>
      <c r="C74" s="194"/>
      <c r="D74" s="194"/>
      <c r="E74" s="194"/>
      <c r="F74" s="185"/>
      <c r="G74" s="185"/>
      <c r="H74" s="194"/>
      <c r="I74" s="228"/>
      <c r="J74" s="327">
        <f>+J73/J39</f>
        <v>1.2280852706174435E-3</v>
      </c>
    </row>
    <row r="75" spans="2:10" s="184" customFormat="1" ht="15" customHeight="1" x14ac:dyDescent="0.4">
      <c r="B75" s="194" t="s">
        <v>1869</v>
      </c>
      <c r="C75" s="194"/>
      <c r="D75" s="194"/>
      <c r="E75" s="194"/>
      <c r="F75" s="185"/>
      <c r="G75" s="185"/>
      <c r="H75" s="194"/>
      <c r="I75" s="228"/>
      <c r="J75" s="216">
        <v>29522434.519999996</v>
      </c>
    </row>
    <row r="76" spans="2:10" s="184" customFormat="1" ht="15" customHeight="1" x14ac:dyDescent="0.4">
      <c r="B76" s="194" t="s">
        <v>1870</v>
      </c>
      <c r="C76" s="194"/>
      <c r="D76" s="194"/>
      <c r="E76" s="194"/>
      <c r="F76" s="185"/>
      <c r="G76" s="185"/>
      <c r="H76" s="194"/>
      <c r="I76" s="228"/>
      <c r="J76" s="328">
        <f>+J75/J39</f>
        <v>1.9989325141621995E-3</v>
      </c>
    </row>
    <row r="77" spans="2:10" s="184" customFormat="1" ht="15" customHeight="1" x14ac:dyDescent="0.4">
      <c r="B77" s="194" t="s">
        <v>1871</v>
      </c>
      <c r="C77" s="194"/>
      <c r="D77" s="194"/>
      <c r="E77" s="194"/>
      <c r="F77" s="185"/>
      <c r="G77" s="185"/>
      <c r="H77" s="194"/>
      <c r="I77" s="228"/>
      <c r="J77" s="214">
        <v>81.20144687445007</v>
      </c>
    </row>
    <row r="78" spans="2:10" s="184" customFormat="1" ht="15" customHeight="1" x14ac:dyDescent="0.4">
      <c r="B78" s="194" t="s">
        <v>1872</v>
      </c>
      <c r="C78" s="194"/>
      <c r="D78" s="194"/>
      <c r="E78" s="194"/>
      <c r="F78" s="185"/>
      <c r="G78" s="185"/>
      <c r="H78" s="194"/>
      <c r="I78" s="228"/>
      <c r="J78" s="214">
        <v>328.83913354109461</v>
      </c>
    </row>
    <row r="79" spans="2:10" s="184" customFormat="1" ht="15" customHeight="1" x14ac:dyDescent="0.4">
      <c r="B79" s="194" t="s">
        <v>1873</v>
      </c>
      <c r="C79" s="194"/>
      <c r="D79" s="194"/>
      <c r="E79" s="194"/>
      <c r="F79" s="185"/>
      <c r="G79" s="185"/>
      <c r="H79" s="194"/>
      <c r="I79" s="228"/>
      <c r="J79" s="220">
        <v>0.54375815666103389</v>
      </c>
    </row>
    <row r="80" spans="2:10" s="184" customFormat="1" ht="15" customHeight="1" x14ac:dyDescent="0.4">
      <c r="B80" s="194" t="s">
        <v>1874</v>
      </c>
      <c r="C80" s="194"/>
      <c r="D80" s="194"/>
      <c r="E80" s="194"/>
      <c r="F80" s="185"/>
      <c r="G80" s="185"/>
      <c r="H80" s="194"/>
      <c r="I80" s="228"/>
      <c r="J80" s="220">
        <v>0.54838586567103631</v>
      </c>
    </row>
    <row r="81" spans="2:10" s="184" customFormat="1" ht="15" customHeight="1" x14ac:dyDescent="0.4">
      <c r="B81" s="228" t="s">
        <v>1875</v>
      </c>
      <c r="C81" s="194"/>
      <c r="D81" s="194"/>
      <c r="E81" s="194"/>
      <c r="F81" s="248"/>
      <c r="G81" s="248"/>
      <c r="H81" s="194"/>
      <c r="I81" s="228"/>
      <c r="J81" s="220">
        <v>2.9697992649599655E-2</v>
      </c>
    </row>
    <row r="82" spans="2:10" s="184" customFormat="1" ht="15" customHeight="1" x14ac:dyDescent="0.4">
      <c r="B82" s="228" t="s">
        <v>1876</v>
      </c>
      <c r="C82" s="194"/>
      <c r="D82" s="194"/>
      <c r="E82" s="194"/>
      <c r="F82" s="248"/>
      <c r="G82" s="248"/>
      <c r="H82" s="194"/>
      <c r="I82" s="228"/>
      <c r="J82" s="220">
        <v>6.5158458583233899E-3</v>
      </c>
    </row>
    <row r="83" spans="2:10" s="184" customFormat="1" ht="15" customHeight="1" thickBot="1" x14ac:dyDescent="0.45">
      <c r="B83" s="196" t="s">
        <v>1877</v>
      </c>
      <c r="C83" s="196"/>
      <c r="D83" s="196"/>
      <c r="E83" s="196"/>
      <c r="F83" s="249"/>
      <c r="G83" s="249"/>
      <c r="H83" s="249"/>
      <c r="I83" s="197"/>
      <c r="J83" s="250">
        <v>63248</v>
      </c>
    </row>
    <row r="84" spans="2:10" s="184" customFormat="1" ht="15" customHeight="1" x14ac:dyDescent="0.4">
      <c r="B84" s="251" t="s">
        <v>1878</v>
      </c>
      <c r="C84" s="252"/>
      <c r="D84" s="252"/>
      <c r="E84" s="224"/>
      <c r="F84" s="253"/>
      <c r="G84" s="253" t="s">
        <v>1879</v>
      </c>
      <c r="H84" s="254" t="s">
        <v>1094</v>
      </c>
      <c r="I84" s="254" t="s">
        <v>1880</v>
      </c>
      <c r="J84" s="254" t="s">
        <v>1881</v>
      </c>
    </row>
    <row r="85" spans="2:10" s="184" customFormat="1" ht="15" customHeight="1" x14ac:dyDescent="0.4">
      <c r="B85" s="228" t="s">
        <v>1882</v>
      </c>
      <c r="C85" s="228"/>
      <c r="D85" s="228"/>
      <c r="E85" s="224"/>
      <c r="F85" s="228"/>
      <c r="G85" s="255">
        <v>15757</v>
      </c>
      <c r="H85" s="232">
        <f>+G85/$J$68</f>
        <v>8.1101251749979411E-2</v>
      </c>
      <c r="I85" s="255">
        <v>677311311.61999905</v>
      </c>
      <c r="J85" s="232">
        <f>+I85/$J$39</f>
        <v>4.5860025604929751E-2</v>
      </c>
    </row>
    <row r="86" spans="2:10" s="184" customFormat="1" ht="15" customHeight="1" thickBot="1" x14ac:dyDescent="0.45">
      <c r="B86" s="256" t="s">
        <v>1750</v>
      </c>
      <c r="C86" s="256"/>
      <c r="D86" s="256"/>
      <c r="E86" s="257"/>
      <c r="F86" s="256"/>
      <c r="G86" s="258">
        <v>178531</v>
      </c>
      <c r="H86" s="259">
        <f>+G86/$J$68</f>
        <v>0.9188987482500206</v>
      </c>
      <c r="I86" s="258">
        <v>14091788851.010206</v>
      </c>
      <c r="J86" s="259">
        <f>+I86/$J$39</f>
        <v>0.95413997439506182</v>
      </c>
    </row>
    <row r="87" spans="2:10" s="184" customFormat="1" ht="15" customHeight="1" x14ac:dyDescent="0.4">
      <c r="B87" s="203" t="s">
        <v>1883</v>
      </c>
      <c r="C87" s="203"/>
      <c r="D87" s="228"/>
      <c r="E87" s="224"/>
      <c r="F87" s="253"/>
      <c r="G87" s="260" t="s">
        <v>1879</v>
      </c>
      <c r="H87" s="261" t="s">
        <v>1094</v>
      </c>
      <c r="I87" s="261" t="s">
        <v>1880</v>
      </c>
      <c r="J87" s="261" t="s">
        <v>1881</v>
      </c>
    </row>
    <row r="88" spans="2:10" s="184" customFormat="1" ht="15" customHeight="1" x14ac:dyDescent="0.4">
      <c r="B88" s="228" t="s">
        <v>1882</v>
      </c>
      <c r="C88" s="228"/>
      <c r="D88" s="228"/>
      <c r="E88" s="224"/>
      <c r="F88" s="228"/>
      <c r="G88" s="255">
        <f>+J68</f>
        <v>194288</v>
      </c>
      <c r="H88" s="232">
        <f>+G88/$J$68</f>
        <v>1</v>
      </c>
      <c r="I88" s="255">
        <f>+J39</f>
        <v>14769100162.630329</v>
      </c>
      <c r="J88" s="232">
        <f>+I88/$J$39</f>
        <v>1</v>
      </c>
    </row>
    <row r="89" spans="2:10" s="184" customFormat="1" ht="15" customHeight="1" thickBot="1" x14ac:dyDescent="0.45">
      <c r="B89" s="256" t="s">
        <v>1750</v>
      </c>
      <c r="C89" s="256"/>
      <c r="D89" s="256"/>
      <c r="E89" s="257"/>
      <c r="F89" s="256"/>
      <c r="G89" s="258">
        <v>0</v>
      </c>
      <c r="H89" s="259">
        <f>+G89/$J$68</f>
        <v>0</v>
      </c>
      <c r="I89" s="258">
        <v>0</v>
      </c>
      <c r="J89" s="259">
        <f>+I89/$J$39</f>
        <v>0</v>
      </c>
    </row>
    <row r="90" spans="2:10" s="184" customFormat="1" ht="15" customHeight="1" x14ac:dyDescent="0.4">
      <c r="B90" s="203" t="s">
        <v>1884</v>
      </c>
      <c r="C90" s="262"/>
      <c r="D90" s="262"/>
      <c r="E90" s="262"/>
      <c r="F90" s="263"/>
      <c r="G90" s="260" t="s">
        <v>1879</v>
      </c>
      <c r="H90" s="261" t="s">
        <v>1094</v>
      </c>
      <c r="I90" s="261" t="s">
        <v>1880</v>
      </c>
      <c r="J90" s="261" t="s">
        <v>1881</v>
      </c>
    </row>
    <row r="91" spans="2:10" s="184" customFormat="1" ht="15" customHeight="1" x14ac:dyDescent="0.4">
      <c r="B91" s="194" t="s">
        <v>1813</v>
      </c>
      <c r="C91" s="194"/>
      <c r="D91" s="194"/>
      <c r="E91" s="194"/>
      <c r="F91" s="264"/>
      <c r="G91" s="255">
        <v>2456</v>
      </c>
      <c r="H91" s="232">
        <f>+G91/$J$68</f>
        <v>1.2641027752614675E-2</v>
      </c>
      <c r="I91" s="255">
        <v>199106556.40000007</v>
      </c>
      <c r="J91" s="232">
        <f>+I91/$J$39</f>
        <v>1.3481292306744016E-2</v>
      </c>
    </row>
    <row r="92" spans="2:10" s="184" customFormat="1" ht="15" customHeight="1" thickBot="1" x14ac:dyDescent="0.45">
      <c r="B92" s="196" t="s">
        <v>1833</v>
      </c>
      <c r="C92" s="196"/>
      <c r="D92" s="196"/>
      <c r="E92" s="196"/>
      <c r="F92" s="196"/>
      <c r="G92" s="258">
        <v>191832</v>
      </c>
      <c r="H92" s="259">
        <f>+G92/$J$68</f>
        <v>0.98735897224738534</v>
      </c>
      <c r="I92" s="258">
        <v>14569993606.23031</v>
      </c>
      <c r="J92" s="259">
        <f>+I92/$J$39</f>
        <v>0.98651870769325467</v>
      </c>
    </row>
    <row r="93" spans="2:10" s="184" customFormat="1" ht="15" customHeight="1" x14ac:dyDescent="0.4">
      <c r="B93" s="251" t="s">
        <v>1885</v>
      </c>
      <c r="C93" s="252"/>
      <c r="D93" s="252"/>
      <c r="E93" s="224"/>
      <c r="F93" s="224"/>
      <c r="G93" s="260" t="s">
        <v>1879</v>
      </c>
      <c r="H93" s="261" t="s">
        <v>1094</v>
      </c>
      <c r="I93" s="261" t="s">
        <v>1880</v>
      </c>
      <c r="J93" s="261" t="s">
        <v>1881</v>
      </c>
    </row>
    <row r="94" spans="2:10" s="184" customFormat="1" ht="15" customHeight="1" x14ac:dyDescent="0.4">
      <c r="B94" s="228" t="s">
        <v>1886</v>
      </c>
      <c r="C94" s="228"/>
      <c r="D94" s="228"/>
      <c r="E94" s="224"/>
      <c r="F94" s="224"/>
      <c r="G94" s="255">
        <v>192054</v>
      </c>
      <c r="H94" s="232">
        <f>+G94/$J$68</f>
        <v>0.98850160586346048</v>
      </c>
      <c r="I94" s="255">
        <v>14498241221.080345</v>
      </c>
      <c r="J94" s="232">
        <f>+I94/$J$39</f>
        <v>0.98166043031955819</v>
      </c>
    </row>
    <row r="95" spans="2:10" s="184" customFormat="1" ht="15" customHeight="1" x14ac:dyDescent="0.4">
      <c r="B95" s="228" t="s">
        <v>1887</v>
      </c>
      <c r="C95" s="228"/>
      <c r="D95" s="228"/>
      <c r="E95" s="224"/>
      <c r="F95" s="224"/>
      <c r="G95" s="255">
        <v>0</v>
      </c>
      <c r="H95" s="220">
        <f t="shared" ref="H95:H99" si="2">+G95/$J$68</f>
        <v>0</v>
      </c>
      <c r="I95" s="255">
        <v>0</v>
      </c>
      <c r="J95" s="220">
        <f t="shared" ref="J95:J99" si="3">+I95/$J$39</f>
        <v>0</v>
      </c>
    </row>
    <row r="96" spans="2:10" s="184" customFormat="1" ht="15" customHeight="1" x14ac:dyDescent="0.4">
      <c r="B96" s="228" t="s">
        <v>1888</v>
      </c>
      <c r="C96" s="228"/>
      <c r="D96" s="228"/>
      <c r="E96" s="224"/>
      <c r="F96" s="224"/>
      <c r="G96" s="255">
        <v>13</v>
      </c>
      <c r="H96" s="220">
        <f t="shared" si="2"/>
        <v>6.6910977517911554E-5</v>
      </c>
      <c r="I96" s="255">
        <v>45677</v>
      </c>
      <c r="J96" s="220">
        <f t="shared" si="3"/>
        <v>3.0927408912544794E-6</v>
      </c>
    </row>
    <row r="97" spans="2:10" s="184" customFormat="1" ht="15" customHeight="1" x14ac:dyDescent="0.4">
      <c r="B97" s="228" t="s">
        <v>1889</v>
      </c>
      <c r="C97" s="228"/>
      <c r="D97" s="228"/>
      <c r="E97" s="224"/>
      <c r="F97" s="224"/>
      <c r="G97" s="255">
        <v>0</v>
      </c>
      <c r="H97" s="220">
        <f t="shared" si="2"/>
        <v>0</v>
      </c>
      <c r="I97" s="255">
        <v>0</v>
      </c>
      <c r="J97" s="220">
        <f t="shared" si="3"/>
        <v>0</v>
      </c>
    </row>
    <row r="98" spans="2:10" s="184" customFormat="1" ht="15" customHeight="1" x14ac:dyDescent="0.4">
      <c r="B98" s="228" t="s">
        <v>1890</v>
      </c>
      <c r="C98" s="228"/>
      <c r="D98" s="228"/>
      <c r="E98" s="224"/>
      <c r="F98" s="224"/>
      <c r="G98" s="255">
        <v>2221</v>
      </c>
      <c r="H98" s="220">
        <f t="shared" si="2"/>
        <v>1.1431483159021658E-2</v>
      </c>
      <c r="I98" s="255">
        <v>270813264.55000007</v>
      </c>
      <c r="J98" s="220">
        <f t="shared" si="3"/>
        <v>1.8336476939551684E-2</v>
      </c>
    </row>
    <row r="99" spans="2:10" s="184" customFormat="1" ht="15" customHeight="1" thickBot="1" x14ac:dyDescent="0.45">
      <c r="B99" s="196" t="s">
        <v>135</v>
      </c>
      <c r="C99" s="196"/>
      <c r="D99" s="196"/>
      <c r="E99" s="196"/>
      <c r="F99" s="196"/>
      <c r="G99" s="258">
        <v>0</v>
      </c>
      <c r="H99" s="259">
        <f t="shared" si="2"/>
        <v>0</v>
      </c>
      <c r="I99" s="258">
        <v>0</v>
      </c>
      <c r="J99" s="259">
        <f t="shared" si="3"/>
        <v>0</v>
      </c>
    </row>
    <row r="100" spans="2:10" s="184" customFormat="1" ht="15" customHeight="1" x14ac:dyDescent="0.4">
      <c r="B100" s="194"/>
      <c r="C100" s="194"/>
      <c r="D100" s="194"/>
      <c r="E100" s="194"/>
      <c r="F100" s="194"/>
      <c r="G100" s="255"/>
      <c r="H100" s="220"/>
      <c r="I100" s="255"/>
      <c r="J100" s="220"/>
    </row>
    <row r="101" spans="2:10" s="184" customFormat="1" ht="15" customHeight="1" x14ac:dyDescent="0.4">
      <c r="B101" s="227" t="s">
        <v>1891</v>
      </c>
      <c r="C101" s="227"/>
      <c r="D101" s="227"/>
      <c r="E101" s="227"/>
      <c r="F101" s="227"/>
      <c r="G101" s="227"/>
      <c r="H101" s="227"/>
      <c r="I101" s="227"/>
      <c r="J101" s="227"/>
    </row>
    <row r="102" spans="2:10" s="184" customFormat="1" ht="15" customHeight="1" x14ac:dyDescent="0.4">
      <c r="B102" s="203" t="s">
        <v>1892</v>
      </c>
      <c r="C102" s="262"/>
      <c r="D102" s="262"/>
      <c r="E102" s="262"/>
      <c r="F102" s="263"/>
      <c r="G102" s="238" t="s">
        <v>1879</v>
      </c>
      <c r="H102" s="265" t="s">
        <v>1094</v>
      </c>
      <c r="I102" s="265" t="s">
        <v>1880</v>
      </c>
      <c r="J102" s="265" t="s">
        <v>1881</v>
      </c>
    </row>
    <row r="103" spans="2:10" s="184" customFormat="1" ht="15" customHeight="1" x14ac:dyDescent="0.4">
      <c r="B103" s="194" t="s">
        <v>1893</v>
      </c>
      <c r="C103" s="194"/>
      <c r="D103" s="194"/>
      <c r="E103" s="194"/>
      <c r="F103" s="266"/>
      <c r="G103" s="255">
        <v>10569</v>
      </c>
      <c r="H103" s="232">
        <f>+G103/$J$68</f>
        <v>5.439862472206209E-2</v>
      </c>
      <c r="I103" s="255">
        <v>1708397877.2599986</v>
      </c>
      <c r="J103" s="232">
        <f>+I103/$J$39</f>
        <v>0.11567379586081285</v>
      </c>
    </row>
    <row r="104" spans="2:10" s="184" customFormat="1" ht="15" customHeight="1" x14ac:dyDescent="0.4">
      <c r="B104" s="194" t="s">
        <v>1894</v>
      </c>
      <c r="C104" s="194"/>
      <c r="D104" s="194"/>
      <c r="E104" s="194"/>
      <c r="F104" s="266"/>
      <c r="G104" s="255">
        <v>17952</v>
      </c>
      <c r="H104" s="220">
        <f t="shared" ref="H104:H115" si="4">+G104/$J$68</f>
        <v>9.2398912953965254E-2</v>
      </c>
      <c r="I104" s="255">
        <v>2185362465.7599888</v>
      </c>
      <c r="J104" s="220">
        <f t="shared" ref="J104:J115" si="5">+I104/$J$39</f>
        <v>0.14796855879476836</v>
      </c>
    </row>
    <row r="105" spans="2:10" s="184" customFormat="1" ht="15" customHeight="1" x14ac:dyDescent="0.4">
      <c r="B105" s="194" t="s">
        <v>1895</v>
      </c>
      <c r="C105" s="194"/>
      <c r="D105" s="194"/>
      <c r="E105" s="194"/>
      <c r="F105" s="266"/>
      <c r="G105" s="255">
        <v>15373</v>
      </c>
      <c r="H105" s="220">
        <f t="shared" si="4"/>
        <v>7.9124804414065719E-2</v>
      </c>
      <c r="I105" s="255">
        <v>1652976702.0599966</v>
      </c>
      <c r="J105" s="220">
        <f t="shared" si="5"/>
        <v>0.11192128727263008</v>
      </c>
    </row>
    <row r="106" spans="2:10" s="184" customFormat="1" ht="15" customHeight="1" x14ac:dyDescent="0.4">
      <c r="B106" s="194" t="s">
        <v>1896</v>
      </c>
      <c r="C106" s="194"/>
      <c r="D106" s="194"/>
      <c r="E106" s="194"/>
      <c r="F106" s="266"/>
      <c r="G106" s="255">
        <v>12503</v>
      </c>
      <c r="H106" s="220">
        <f t="shared" si="4"/>
        <v>6.4352919377419091E-2</v>
      </c>
      <c r="I106" s="255">
        <v>1316443852.470001</v>
      </c>
      <c r="J106" s="220">
        <f t="shared" si="5"/>
        <v>8.913500741236402E-2</v>
      </c>
    </row>
    <row r="107" spans="2:10" s="184" customFormat="1" ht="15" customHeight="1" x14ac:dyDescent="0.4">
      <c r="B107" s="194" t="s">
        <v>1897</v>
      </c>
      <c r="C107" s="194"/>
      <c r="D107" s="194"/>
      <c r="E107" s="194"/>
      <c r="F107" s="266"/>
      <c r="G107" s="255">
        <v>13564</v>
      </c>
      <c r="H107" s="220">
        <f t="shared" si="4"/>
        <v>6.9813884542534788E-2</v>
      </c>
      <c r="I107" s="255">
        <v>1389968650.4900057</v>
      </c>
      <c r="J107" s="220">
        <f t="shared" si="5"/>
        <v>9.4113292968720494E-2</v>
      </c>
    </row>
    <row r="108" spans="2:10" s="184" customFormat="1" ht="15" customHeight="1" x14ac:dyDescent="0.4">
      <c r="B108" s="194" t="s">
        <v>1898</v>
      </c>
      <c r="C108" s="194"/>
      <c r="D108" s="194"/>
      <c r="E108" s="194"/>
      <c r="F108" s="266"/>
      <c r="G108" s="255">
        <v>9853</v>
      </c>
      <c r="H108" s="220">
        <f t="shared" si="4"/>
        <v>5.0713373960306347E-2</v>
      </c>
      <c r="I108" s="255">
        <v>976632946.94999886</v>
      </c>
      <c r="J108" s="220">
        <f t="shared" si="5"/>
        <v>6.6126773885733042E-2</v>
      </c>
    </row>
    <row r="109" spans="2:10" s="184" customFormat="1" ht="15" customHeight="1" x14ac:dyDescent="0.4">
      <c r="B109" s="194" t="s">
        <v>1899</v>
      </c>
      <c r="C109" s="194"/>
      <c r="D109" s="194"/>
      <c r="E109" s="194"/>
      <c r="F109" s="266"/>
      <c r="G109" s="255">
        <v>9132</v>
      </c>
      <c r="H109" s="220">
        <f t="shared" si="4"/>
        <v>4.7002388207197564E-2</v>
      </c>
      <c r="I109" s="255">
        <v>813423264.80000377</v>
      </c>
      <c r="J109" s="220">
        <f t="shared" si="5"/>
        <v>5.5076020599966989E-2</v>
      </c>
    </row>
    <row r="110" spans="2:10" s="184" customFormat="1" ht="15" customHeight="1" x14ac:dyDescent="0.4">
      <c r="B110" s="194" t="s">
        <v>1900</v>
      </c>
      <c r="C110" s="194"/>
      <c r="D110" s="194"/>
      <c r="E110" s="194"/>
      <c r="F110" s="266"/>
      <c r="G110" s="255">
        <v>9004</v>
      </c>
      <c r="H110" s="220">
        <f t="shared" si="4"/>
        <v>4.6343572428559666E-2</v>
      </c>
      <c r="I110" s="255">
        <v>752364853.15999985</v>
      </c>
      <c r="J110" s="220">
        <f t="shared" si="5"/>
        <v>5.0941820752470682E-2</v>
      </c>
    </row>
    <row r="111" spans="2:10" s="184" customFormat="1" ht="15" customHeight="1" x14ac:dyDescent="0.4">
      <c r="B111" s="194" t="s">
        <v>1901</v>
      </c>
      <c r="C111" s="194"/>
      <c r="D111" s="194"/>
      <c r="E111" s="194"/>
      <c r="F111" s="266"/>
      <c r="G111" s="255">
        <v>6827</v>
      </c>
      <c r="H111" s="220">
        <f t="shared" si="4"/>
        <v>3.5138557193444782E-2</v>
      </c>
      <c r="I111" s="255">
        <v>551806936.76000333</v>
      </c>
      <c r="J111" s="220">
        <f t="shared" si="5"/>
        <v>3.7362258410043057E-2</v>
      </c>
    </row>
    <row r="112" spans="2:10" s="184" customFormat="1" ht="15" customHeight="1" x14ac:dyDescent="0.4">
      <c r="B112" s="194" t="s">
        <v>1902</v>
      </c>
      <c r="C112" s="194"/>
      <c r="D112" s="194"/>
      <c r="E112" s="194"/>
      <c r="F112" s="266"/>
      <c r="G112" s="255">
        <v>4498</v>
      </c>
      <c r="H112" s="220">
        <f t="shared" si="4"/>
        <v>2.3151198221197399E-2</v>
      </c>
      <c r="I112" s="255">
        <v>328596589.06999981</v>
      </c>
      <c r="J112" s="220">
        <f t="shared" si="5"/>
        <v>2.2248924135637917E-2</v>
      </c>
    </row>
    <row r="113" spans="2:10" s="184" customFormat="1" ht="15" customHeight="1" x14ac:dyDescent="0.4">
      <c r="B113" s="194" t="s">
        <v>1903</v>
      </c>
      <c r="C113" s="194"/>
      <c r="D113" s="194"/>
      <c r="E113" s="194"/>
      <c r="F113" s="266"/>
      <c r="G113" s="255">
        <v>3387</v>
      </c>
      <c r="H113" s="220">
        <f t="shared" si="4"/>
        <v>1.7432883142551266E-2</v>
      </c>
      <c r="I113" s="255">
        <v>227278957.41999987</v>
      </c>
      <c r="J113" s="220">
        <f t="shared" si="5"/>
        <v>1.5388815494330172E-2</v>
      </c>
    </row>
    <row r="114" spans="2:10" s="184" customFormat="1" ht="15" customHeight="1" x14ac:dyDescent="0.4">
      <c r="B114" s="194" t="s">
        <v>1904</v>
      </c>
      <c r="C114" s="194"/>
      <c r="D114" s="194"/>
      <c r="E114" s="194"/>
      <c r="F114" s="266"/>
      <c r="G114" s="255">
        <v>1690</v>
      </c>
      <c r="H114" s="220">
        <f t="shared" si="4"/>
        <v>8.6984270773285029E-3</v>
      </c>
      <c r="I114" s="255">
        <v>101613275.73999985</v>
      </c>
      <c r="J114" s="220">
        <f t="shared" si="5"/>
        <v>6.8801263869215203E-3</v>
      </c>
    </row>
    <row r="115" spans="2:10" s="184" customFormat="1" ht="15" customHeight="1" thickBot="1" x14ac:dyDescent="0.45">
      <c r="B115" s="196" t="s">
        <v>1905</v>
      </c>
      <c r="C115" s="196"/>
      <c r="D115" s="196"/>
      <c r="E115" s="196"/>
      <c r="F115" s="267"/>
      <c r="G115" s="258">
        <v>79936</v>
      </c>
      <c r="H115" s="259">
        <f t="shared" si="4"/>
        <v>0.41143045375936754</v>
      </c>
      <c r="I115" s="255">
        <v>2764233790.6900578</v>
      </c>
      <c r="J115" s="220">
        <f t="shared" si="5"/>
        <v>0.18716331802558217</v>
      </c>
    </row>
    <row r="116" spans="2:10" s="184" customFormat="1" ht="15" customHeight="1" x14ac:dyDescent="0.4">
      <c r="B116" s="203" t="s">
        <v>1906</v>
      </c>
      <c r="C116" s="268"/>
      <c r="D116" s="268"/>
      <c r="E116" s="268"/>
      <c r="G116" s="260" t="s">
        <v>1879</v>
      </c>
      <c r="H116" s="193" t="s">
        <v>1094</v>
      </c>
      <c r="I116" s="269" t="s">
        <v>1880</v>
      </c>
      <c r="J116" s="269" t="s">
        <v>1881</v>
      </c>
    </row>
    <row r="117" spans="2:10" s="184" customFormat="1" ht="15" customHeight="1" x14ac:dyDescent="0.4">
      <c r="B117" s="194" t="s">
        <v>1907</v>
      </c>
      <c r="C117" s="194"/>
      <c r="D117" s="194"/>
      <c r="E117" s="194"/>
      <c r="F117" s="270"/>
      <c r="G117" s="255">
        <v>11922</v>
      </c>
      <c r="H117" s="232">
        <f>+G117/$J$68</f>
        <v>6.1362513382195505E-2</v>
      </c>
      <c r="I117" s="255">
        <v>113972712.14999965</v>
      </c>
      <c r="J117" s="232">
        <f>+I117/$J$39</f>
        <v>7.7169706275254536E-3</v>
      </c>
    </row>
    <row r="118" spans="2:10" s="184" customFormat="1" ht="15" customHeight="1" x14ac:dyDescent="0.4">
      <c r="B118" s="194" t="s">
        <v>1908</v>
      </c>
      <c r="C118" s="194"/>
      <c r="D118" s="194"/>
      <c r="E118" s="194"/>
      <c r="F118" s="270"/>
      <c r="G118" s="255">
        <v>13753</v>
      </c>
      <c r="H118" s="220">
        <f t="shared" ref="H118:H131" si="6">+G118/$J$68</f>
        <v>7.0786667215679819E-2</v>
      </c>
      <c r="I118" s="255">
        <v>271211689.58999884</v>
      </c>
      <c r="J118" s="220">
        <f t="shared" ref="J118:J131" si="7">+I118/$J$39</f>
        <v>1.8363453873529483E-2</v>
      </c>
    </row>
    <row r="119" spans="2:10" s="184" customFormat="1" ht="15" customHeight="1" x14ac:dyDescent="0.4">
      <c r="B119" s="194" t="s">
        <v>1909</v>
      </c>
      <c r="C119" s="194"/>
      <c r="D119" s="194"/>
      <c r="E119" s="194"/>
      <c r="F119" s="270"/>
      <c r="G119" s="255">
        <v>5741</v>
      </c>
      <c r="H119" s="220">
        <f t="shared" si="6"/>
        <v>2.9548917071563863E-2</v>
      </c>
      <c r="I119" s="255">
        <v>176580069.04000014</v>
      </c>
      <c r="J119" s="220">
        <f t="shared" si="7"/>
        <v>1.1956047903770991E-2</v>
      </c>
    </row>
    <row r="120" spans="2:10" s="184" customFormat="1" ht="15" customHeight="1" x14ac:dyDescent="0.4">
      <c r="B120" s="194" t="s">
        <v>1910</v>
      </c>
      <c r="C120" s="194"/>
      <c r="D120" s="194"/>
      <c r="E120" s="194"/>
      <c r="F120" s="270"/>
      <c r="G120" s="255">
        <v>6143</v>
      </c>
      <c r="H120" s="220">
        <f t="shared" si="6"/>
        <v>3.1618010376348517E-2</v>
      </c>
      <c r="I120" s="255">
        <v>224703637.62999937</v>
      </c>
      <c r="J120" s="220">
        <f t="shared" si="7"/>
        <v>1.5214443341548872E-2</v>
      </c>
    </row>
    <row r="121" spans="2:10" s="184" customFormat="1" ht="15" customHeight="1" x14ac:dyDescent="0.4">
      <c r="B121" s="194" t="s">
        <v>1911</v>
      </c>
      <c r="C121" s="194"/>
      <c r="D121" s="194"/>
      <c r="E121" s="194"/>
      <c r="F121" s="270"/>
      <c r="G121" s="255">
        <v>7094</v>
      </c>
      <c r="H121" s="220">
        <f t="shared" si="6"/>
        <v>3.6512805731697275E-2</v>
      </c>
      <c r="I121" s="255">
        <v>310629564.19000047</v>
      </c>
      <c r="J121" s="220">
        <f t="shared" si="7"/>
        <v>2.1032396068108077E-2</v>
      </c>
    </row>
    <row r="122" spans="2:10" s="184" customFormat="1" ht="15" customHeight="1" x14ac:dyDescent="0.4">
      <c r="B122" s="194" t="s">
        <v>1912</v>
      </c>
      <c r="C122" s="194"/>
      <c r="D122" s="194"/>
      <c r="E122" s="194"/>
      <c r="F122" s="270"/>
      <c r="G122" s="255">
        <v>7836</v>
      </c>
      <c r="H122" s="220">
        <f t="shared" si="6"/>
        <v>4.0331878448488838E-2</v>
      </c>
      <c r="I122" s="255">
        <v>405841844.07000017</v>
      </c>
      <c r="J122" s="220">
        <f t="shared" si="7"/>
        <v>2.7479117861011315E-2</v>
      </c>
    </row>
    <row r="123" spans="2:10" s="184" customFormat="1" ht="15" customHeight="1" x14ac:dyDescent="0.4">
      <c r="B123" s="194" t="s">
        <v>1913</v>
      </c>
      <c r="C123" s="194"/>
      <c r="D123" s="194"/>
      <c r="E123" s="194"/>
      <c r="F123" s="270"/>
      <c r="G123" s="255">
        <v>9232</v>
      </c>
      <c r="H123" s="220">
        <f t="shared" si="6"/>
        <v>4.7517088034258421E-2</v>
      </c>
      <c r="I123" s="255">
        <v>504273680.6699996</v>
      </c>
      <c r="J123" s="220">
        <f t="shared" si="7"/>
        <v>3.4143832401241574E-2</v>
      </c>
    </row>
    <row r="124" spans="2:10" s="184" customFormat="1" ht="15" customHeight="1" x14ac:dyDescent="0.4">
      <c r="B124" s="194" t="s">
        <v>1914</v>
      </c>
      <c r="C124" s="194"/>
      <c r="D124" s="194"/>
      <c r="E124" s="194"/>
      <c r="F124" s="270"/>
      <c r="G124" s="255">
        <v>13002</v>
      </c>
      <c r="H124" s="220">
        <f t="shared" si="6"/>
        <v>6.6921271514452776E-2</v>
      </c>
      <c r="I124" s="255">
        <v>771397217.15999842</v>
      </c>
      <c r="J124" s="220">
        <f t="shared" si="7"/>
        <v>5.223048179413356E-2</v>
      </c>
    </row>
    <row r="125" spans="2:10" s="184" customFormat="1" ht="15" customHeight="1" x14ac:dyDescent="0.4">
      <c r="B125" s="194" t="s">
        <v>1915</v>
      </c>
      <c r="C125" s="194"/>
      <c r="D125" s="194"/>
      <c r="E125" s="194"/>
      <c r="F125" s="270"/>
      <c r="G125" s="255">
        <v>13488</v>
      </c>
      <c r="H125" s="220">
        <f t="shared" si="6"/>
        <v>6.9422712673968545E-2</v>
      </c>
      <c r="I125" s="255">
        <v>915265715.95999968</v>
      </c>
      <c r="J125" s="220">
        <f t="shared" si="7"/>
        <v>6.1971664209838621E-2</v>
      </c>
    </row>
    <row r="126" spans="2:10" s="184" customFormat="1" ht="15" customHeight="1" x14ac:dyDescent="0.4">
      <c r="B126" s="194" t="s">
        <v>1916</v>
      </c>
      <c r="C126" s="194"/>
      <c r="D126" s="194"/>
      <c r="E126" s="194"/>
      <c r="F126" s="270"/>
      <c r="G126" s="255">
        <v>12702</v>
      </c>
      <c r="H126" s="220">
        <f t="shared" si="6"/>
        <v>6.5377172033270203E-2</v>
      </c>
      <c r="I126" s="255">
        <v>1006829635.2499981</v>
      </c>
      <c r="J126" s="220">
        <f t="shared" si="7"/>
        <v>6.8171359403299284E-2</v>
      </c>
    </row>
    <row r="127" spans="2:10" s="184" customFormat="1" ht="15" customHeight="1" x14ac:dyDescent="0.4">
      <c r="B127" s="194" t="s">
        <v>1917</v>
      </c>
      <c r="C127" s="194"/>
      <c r="D127" s="194"/>
      <c r="E127" s="194"/>
      <c r="F127" s="270"/>
      <c r="G127" s="255">
        <v>13186</v>
      </c>
      <c r="H127" s="220">
        <f t="shared" si="6"/>
        <v>6.7868319196244753E-2</v>
      </c>
      <c r="I127" s="255">
        <v>1182504023.7900004</v>
      </c>
      <c r="J127" s="220">
        <f t="shared" si="7"/>
        <v>8.0066084647597124E-2</v>
      </c>
    </row>
    <row r="128" spans="2:10" s="184" customFormat="1" ht="15" customHeight="1" x14ac:dyDescent="0.4">
      <c r="B128" s="194" t="s">
        <v>1918</v>
      </c>
      <c r="C128" s="194"/>
      <c r="D128" s="194"/>
      <c r="E128" s="194"/>
      <c r="F128" s="270"/>
      <c r="G128" s="255">
        <v>14323</v>
      </c>
      <c r="H128" s="220">
        <f t="shared" si="6"/>
        <v>7.3720456229926706E-2</v>
      </c>
      <c r="I128" s="255">
        <v>1383056033.3500016</v>
      </c>
      <c r="J128" s="220">
        <f t="shared" si="7"/>
        <v>9.3645247044196619E-2</v>
      </c>
    </row>
    <row r="129" spans="2:10" s="184" customFormat="1" ht="15" customHeight="1" x14ac:dyDescent="0.4">
      <c r="B129" s="194" t="s">
        <v>1919</v>
      </c>
      <c r="C129" s="194"/>
      <c r="D129" s="194"/>
      <c r="E129" s="194"/>
      <c r="F129" s="270"/>
      <c r="G129" s="255">
        <v>11652</v>
      </c>
      <c r="H129" s="220">
        <f t="shared" si="6"/>
        <v>5.9972823849131184E-2</v>
      </c>
      <c r="I129" s="255">
        <v>1206274263.7899983</v>
      </c>
      <c r="J129" s="220">
        <f t="shared" si="7"/>
        <v>8.1675542213613422E-2</v>
      </c>
    </row>
    <row r="130" spans="2:10" s="184" customFormat="1" ht="15" customHeight="1" x14ac:dyDescent="0.4">
      <c r="B130" s="194" t="s">
        <v>1920</v>
      </c>
      <c r="C130" s="194"/>
      <c r="D130" s="194"/>
      <c r="E130" s="194"/>
      <c r="F130" s="270"/>
      <c r="G130" s="255">
        <v>53804</v>
      </c>
      <c r="H130" s="220">
        <f t="shared" si="6"/>
        <v>0.27692909495182411</v>
      </c>
      <c r="I130" s="255">
        <v>6262916585.1299372</v>
      </c>
      <c r="J130" s="220">
        <f t="shared" si="7"/>
        <v>0.42405539377251622</v>
      </c>
    </row>
    <row r="131" spans="2:10" s="184" customFormat="1" ht="15" customHeight="1" thickBot="1" x14ac:dyDescent="0.45">
      <c r="B131" s="196" t="s">
        <v>1921</v>
      </c>
      <c r="C131" s="196"/>
      <c r="D131" s="196"/>
      <c r="E131" s="196"/>
      <c r="F131" s="271"/>
      <c r="G131" s="258">
        <v>410</v>
      </c>
      <c r="H131" s="259">
        <f t="shared" si="6"/>
        <v>2.1102692909495181E-3</v>
      </c>
      <c r="I131" s="258">
        <v>33643490.859999985</v>
      </c>
      <c r="J131" s="259">
        <f t="shared" si="7"/>
        <v>2.277964838042522E-3</v>
      </c>
    </row>
    <row r="132" spans="2:10" s="184" customFormat="1" ht="15" customHeight="1" x14ac:dyDescent="0.4">
      <c r="B132" s="203" t="s">
        <v>1922</v>
      </c>
      <c r="C132" s="262"/>
      <c r="D132" s="262"/>
      <c r="E132" s="262"/>
      <c r="F132" s="262"/>
      <c r="G132" s="260" t="s">
        <v>1879</v>
      </c>
      <c r="H132" s="193" t="s">
        <v>1094</v>
      </c>
      <c r="I132" s="193" t="s">
        <v>1880</v>
      </c>
      <c r="J132" s="193" t="s">
        <v>1881</v>
      </c>
    </row>
    <row r="133" spans="2:10" ht="15" customHeight="1" x14ac:dyDescent="0.4">
      <c r="B133" s="194" t="s">
        <v>1923</v>
      </c>
      <c r="C133" s="194"/>
      <c r="D133" s="194"/>
      <c r="E133" s="194"/>
      <c r="F133" s="272"/>
      <c r="G133" s="255">
        <v>71978</v>
      </c>
      <c r="H133" s="232">
        <f>+G133/$J$68</f>
        <v>0.37047064152186443</v>
      </c>
      <c r="I133" s="255">
        <v>3012421555.4800358</v>
      </c>
      <c r="J133" s="232">
        <f>+I133/$J$39</f>
        <v>0.20396784653829128</v>
      </c>
    </row>
    <row r="134" spans="2:10" s="184" customFormat="1" ht="15" customHeight="1" x14ac:dyDescent="0.4">
      <c r="B134" s="194" t="s">
        <v>1924</v>
      </c>
      <c r="C134" s="194"/>
      <c r="D134" s="194"/>
      <c r="E134" s="194"/>
      <c r="F134" s="272"/>
      <c r="G134" s="255">
        <v>29211</v>
      </c>
      <c r="H134" s="220">
        <f t="shared" ref="H134:H137" si="8">+G134/$J$68</f>
        <v>0.15034896648274726</v>
      </c>
      <c r="I134" s="255">
        <v>2183194937.6000028</v>
      </c>
      <c r="J134" s="220">
        <f t="shared" ref="J134:J137" si="9">+I134/$J$39</f>
        <v>0.14782179777777218</v>
      </c>
    </row>
    <row r="135" spans="2:10" s="184" customFormat="1" ht="15" customHeight="1" x14ac:dyDescent="0.4">
      <c r="B135" s="194" t="s">
        <v>1925</v>
      </c>
      <c r="C135" s="194"/>
      <c r="D135" s="194"/>
      <c r="E135" s="194"/>
      <c r="F135" s="272"/>
      <c r="G135" s="255">
        <v>34531</v>
      </c>
      <c r="H135" s="220">
        <f t="shared" si="8"/>
        <v>0.17773099728238492</v>
      </c>
      <c r="I135" s="255">
        <v>2922753981.6599951</v>
      </c>
      <c r="J135" s="220">
        <f t="shared" si="9"/>
        <v>0.19789655087148261</v>
      </c>
    </row>
    <row r="136" spans="2:10" s="184" customFormat="1" ht="15" customHeight="1" x14ac:dyDescent="0.4">
      <c r="B136" s="194" t="s">
        <v>1926</v>
      </c>
      <c r="C136" s="194"/>
      <c r="D136" s="194"/>
      <c r="E136" s="194"/>
      <c r="F136" s="272"/>
      <c r="G136" s="255">
        <v>31559</v>
      </c>
      <c r="H136" s="220">
        <f t="shared" si="8"/>
        <v>0.1624341184221362</v>
      </c>
      <c r="I136" s="255">
        <v>3271309161.9400153</v>
      </c>
      <c r="J136" s="220">
        <f t="shared" si="9"/>
        <v>0.22149684990405033</v>
      </c>
    </row>
    <row r="137" spans="2:10" s="184" customFormat="1" ht="15" customHeight="1" x14ac:dyDescent="0.4">
      <c r="B137" s="194" t="s">
        <v>1927</v>
      </c>
      <c r="C137" s="194"/>
      <c r="D137" s="194"/>
      <c r="E137" s="194"/>
      <c r="F137" s="272"/>
      <c r="G137" s="255">
        <v>27009</v>
      </c>
      <c r="H137" s="220">
        <f t="shared" si="8"/>
        <v>0.13901527629086716</v>
      </c>
      <c r="I137" s="255">
        <v>3379420525.9500237</v>
      </c>
      <c r="J137" s="220">
        <f t="shared" si="9"/>
        <v>0.22881695490838622</v>
      </c>
    </row>
    <row r="138" spans="2:10" s="184" customFormat="1" ht="15" customHeight="1" thickBot="1" x14ac:dyDescent="0.45">
      <c r="B138" s="196" t="s">
        <v>1928</v>
      </c>
      <c r="C138" s="196"/>
      <c r="D138" s="196"/>
      <c r="E138" s="196"/>
      <c r="F138" s="271"/>
      <c r="G138" s="258">
        <v>0</v>
      </c>
      <c r="H138" s="259">
        <v>0</v>
      </c>
      <c r="I138" s="258">
        <v>0</v>
      </c>
      <c r="J138" s="259">
        <v>0</v>
      </c>
    </row>
    <row r="139" spans="2:10" s="184" customFormat="1" ht="15" customHeight="1" x14ac:dyDescent="0.4">
      <c r="B139" s="203" t="s">
        <v>1929</v>
      </c>
      <c r="C139" s="262"/>
      <c r="D139" s="262"/>
      <c r="E139" s="262"/>
      <c r="F139" s="262"/>
      <c r="G139" s="260" t="s">
        <v>1879</v>
      </c>
      <c r="H139" s="193" t="s">
        <v>1094</v>
      </c>
      <c r="I139" s="193" t="s">
        <v>1880</v>
      </c>
      <c r="J139" s="193" t="s">
        <v>1881</v>
      </c>
    </row>
    <row r="140" spans="2:10" s="184" customFormat="1" ht="15" customHeight="1" x14ac:dyDescent="0.4">
      <c r="B140" s="194" t="s">
        <v>1930</v>
      </c>
      <c r="C140" s="194"/>
      <c r="D140" s="194"/>
      <c r="E140" s="194"/>
      <c r="F140" s="194"/>
      <c r="G140" s="255">
        <v>180848</v>
      </c>
      <c r="H140" s="232">
        <f>+G140/$J$68</f>
        <v>0.93082434324302066</v>
      </c>
      <c r="I140" s="255">
        <v>13701549910.750145</v>
      </c>
      <c r="J140" s="232">
        <f>+I140/$J$39</f>
        <v>0.9277173124885858</v>
      </c>
    </row>
    <row r="141" spans="2:10" s="184" customFormat="1" ht="15" customHeight="1" x14ac:dyDescent="0.4">
      <c r="B141" s="194" t="s">
        <v>1931</v>
      </c>
      <c r="C141" s="194"/>
      <c r="D141" s="194"/>
      <c r="E141" s="194"/>
      <c r="F141" s="194"/>
      <c r="G141" s="255">
        <v>12198</v>
      </c>
      <c r="H141" s="220">
        <f t="shared" ref="H141:H143" si="10">+G141/$J$68</f>
        <v>6.2783084904883477E-2</v>
      </c>
      <c r="I141" s="255">
        <v>1052796605.1300017</v>
      </c>
      <c r="J141" s="220">
        <f t="shared" ref="J141:J143" si="11">+I141/$J$39</f>
        <v>7.1283733845468211E-2</v>
      </c>
    </row>
    <row r="142" spans="2:10" s="184" customFormat="1" ht="15" customHeight="1" x14ac:dyDescent="0.4">
      <c r="B142" s="194" t="s">
        <v>1932</v>
      </c>
      <c r="C142" s="194"/>
      <c r="D142" s="194"/>
      <c r="E142" s="194"/>
      <c r="F142" s="194"/>
      <c r="G142" s="255">
        <v>2</v>
      </c>
      <c r="H142" s="220">
        <f t="shared" si="10"/>
        <v>1.0293996541217162E-5</v>
      </c>
      <c r="I142" s="255">
        <v>22153.07</v>
      </c>
      <c r="J142" s="220">
        <f t="shared" si="11"/>
        <v>1.4999607123020967E-6</v>
      </c>
    </row>
    <row r="143" spans="2:10" s="184" customFormat="1" ht="15" customHeight="1" thickBot="1" x14ac:dyDescent="0.45">
      <c r="B143" s="196" t="s">
        <v>135</v>
      </c>
      <c r="C143" s="196"/>
      <c r="D143" s="196"/>
      <c r="E143" s="196"/>
      <c r="F143" s="271"/>
      <c r="G143" s="255">
        <v>1240</v>
      </c>
      <c r="H143" s="259">
        <f t="shared" si="10"/>
        <v>6.3822778555546406E-3</v>
      </c>
      <c r="I143" s="258">
        <v>14731493.68</v>
      </c>
      <c r="J143" s="259">
        <f t="shared" si="11"/>
        <v>9.9745370522129144E-4</v>
      </c>
    </row>
    <row r="144" spans="2:10" s="184" customFormat="1" ht="15" customHeight="1" x14ac:dyDescent="0.4">
      <c r="B144" s="203" t="s">
        <v>1933</v>
      </c>
      <c r="C144" s="262"/>
      <c r="D144" s="262"/>
      <c r="E144" s="262"/>
      <c r="F144" s="262"/>
      <c r="G144" s="260" t="s">
        <v>1879</v>
      </c>
      <c r="H144" s="193" t="s">
        <v>1094</v>
      </c>
      <c r="I144" s="193" t="s">
        <v>1880</v>
      </c>
      <c r="J144" s="193" t="s">
        <v>1881</v>
      </c>
    </row>
    <row r="145" spans="2:10" s="184" customFormat="1" ht="15" customHeight="1" x14ac:dyDescent="0.4">
      <c r="B145" s="203" t="s">
        <v>448</v>
      </c>
      <c r="C145" s="203"/>
      <c r="D145" s="228"/>
      <c r="E145" s="364"/>
      <c r="F145" s="365"/>
      <c r="G145" s="273"/>
      <c r="H145" s="274"/>
      <c r="I145" s="275"/>
      <c r="J145" s="220"/>
    </row>
    <row r="146" spans="2:10" s="184" customFormat="1" ht="15" customHeight="1" x14ac:dyDescent="0.4">
      <c r="B146" s="228" t="s">
        <v>1934</v>
      </c>
      <c r="C146" s="228"/>
      <c r="D146" s="228"/>
      <c r="E146" s="366"/>
      <c r="F146" s="367"/>
      <c r="G146" s="255">
        <v>114243</v>
      </c>
      <c r="H146" s="232">
        <f>+G146/$J$68</f>
        <v>0.58800852342913612</v>
      </c>
      <c r="I146" s="255">
        <v>8086593359.4699316</v>
      </c>
      <c r="J146" s="232">
        <f>+I146/$J$39</f>
        <v>0.54753460064758175</v>
      </c>
    </row>
    <row r="147" spans="2:10" s="184" customFormat="1" ht="15" customHeight="1" x14ac:dyDescent="0.4">
      <c r="B147" s="228" t="s">
        <v>1935</v>
      </c>
      <c r="C147" s="228"/>
      <c r="D147" s="228"/>
      <c r="E147" s="366"/>
      <c r="F147" s="367"/>
      <c r="G147" s="255">
        <v>79631</v>
      </c>
      <c r="H147" s="220">
        <f t="shared" ref="H147:H148" si="12">+G147/$J$68</f>
        <v>0.40986061928683193</v>
      </c>
      <c r="I147" s="255">
        <v>6651309165.0199594</v>
      </c>
      <c r="J147" s="220">
        <f t="shared" ref="J147:J148" si="13">+I147/$J$39</f>
        <v>0.4503530405900763</v>
      </c>
    </row>
    <row r="148" spans="2:10" s="184" customFormat="1" ht="15" customHeight="1" x14ac:dyDescent="0.4">
      <c r="B148" s="228" t="s">
        <v>135</v>
      </c>
      <c r="C148" s="228"/>
      <c r="D148" s="228"/>
      <c r="E148" s="366"/>
      <c r="F148" s="367"/>
      <c r="G148" s="255">
        <v>414</v>
      </c>
      <c r="H148" s="220">
        <f t="shared" si="12"/>
        <v>2.1308572840319524E-3</v>
      </c>
      <c r="I148" s="255">
        <v>31197638.139999993</v>
      </c>
      <c r="J148" s="220">
        <f t="shared" si="13"/>
        <v>2.1123587623122866E-3</v>
      </c>
    </row>
    <row r="149" spans="2:10" s="184" customFormat="1" ht="15" customHeight="1" thickBot="1" x14ac:dyDescent="0.45">
      <c r="B149" s="276" t="s">
        <v>450</v>
      </c>
      <c r="C149" s="196"/>
      <c r="D149" s="196"/>
      <c r="E149" s="196"/>
      <c r="F149" s="271"/>
      <c r="G149" s="277"/>
      <c r="H149" s="259"/>
      <c r="I149" s="277"/>
      <c r="J149" s="259"/>
    </row>
    <row r="150" spans="2:10" s="184" customFormat="1" ht="15" customHeight="1" x14ac:dyDescent="0.4">
      <c r="B150" s="203" t="s">
        <v>1936</v>
      </c>
      <c r="C150" s="262"/>
      <c r="D150" s="262"/>
      <c r="E150" s="262"/>
      <c r="F150" s="262"/>
      <c r="G150" s="260" t="s">
        <v>1879</v>
      </c>
      <c r="H150" s="193" t="s">
        <v>1094</v>
      </c>
      <c r="I150" s="193" t="s">
        <v>1880</v>
      </c>
      <c r="J150" s="193" t="s">
        <v>1881</v>
      </c>
    </row>
    <row r="151" spans="2:10" s="184" customFormat="1" ht="15" customHeight="1" x14ac:dyDescent="0.4">
      <c r="B151" s="194" t="s">
        <v>1760</v>
      </c>
      <c r="C151" s="194"/>
      <c r="D151" s="194"/>
      <c r="E151" s="194"/>
      <c r="F151" s="272"/>
      <c r="G151" s="255">
        <v>69576</v>
      </c>
      <c r="H151" s="232">
        <f>+G151/$J$68</f>
        <v>0.35810755167586261</v>
      </c>
      <c r="I151" s="255">
        <v>5074784894.5199823</v>
      </c>
      <c r="J151" s="232">
        <f>+I151/$J$39</f>
        <v>0.34360826581435949</v>
      </c>
    </row>
    <row r="152" spans="2:10" s="184" customFormat="1" ht="15" customHeight="1" x14ac:dyDescent="0.4">
      <c r="B152" s="194" t="s">
        <v>1761</v>
      </c>
      <c r="C152" s="194"/>
      <c r="D152" s="194"/>
      <c r="E152" s="194"/>
      <c r="F152" s="272"/>
      <c r="G152" s="255">
        <v>38193</v>
      </c>
      <c r="H152" s="220">
        <f t="shared" ref="H152:H157" si="14">+G152/$J$68</f>
        <v>0.19657930494935355</v>
      </c>
      <c r="I152" s="255">
        <v>2494817590.2100058</v>
      </c>
      <c r="J152" s="220">
        <f t="shared" ref="J152:J157" si="15">+I152/$J$39</f>
        <v>0.16892143480227348</v>
      </c>
    </row>
    <row r="153" spans="2:10" s="184" customFormat="1" ht="15" customHeight="1" x14ac:dyDescent="0.4">
      <c r="B153" s="194" t="s">
        <v>1762</v>
      </c>
      <c r="C153" s="194"/>
      <c r="D153" s="194"/>
      <c r="E153" s="194"/>
      <c r="F153" s="272"/>
      <c r="G153" s="255">
        <v>57201</v>
      </c>
      <c r="H153" s="220">
        <f t="shared" si="14"/>
        <v>0.29441344807708142</v>
      </c>
      <c r="I153" s="255">
        <v>4976205109.2699604</v>
      </c>
      <c r="J153" s="220">
        <f t="shared" si="15"/>
        <v>0.33693353382903146</v>
      </c>
    </row>
    <row r="154" spans="2:10" s="184" customFormat="1" ht="15" customHeight="1" x14ac:dyDescent="0.4">
      <c r="B154" s="194" t="s">
        <v>1763</v>
      </c>
      <c r="C154" s="194"/>
      <c r="D154" s="194"/>
      <c r="E154" s="194"/>
      <c r="F154" s="272"/>
      <c r="G154" s="255">
        <v>11085</v>
      </c>
      <c r="H154" s="220">
        <f t="shared" si="14"/>
        <v>5.7054475829696125E-2</v>
      </c>
      <c r="I154" s="255">
        <v>676287209.80000091</v>
      </c>
      <c r="J154" s="220">
        <f t="shared" si="15"/>
        <v>4.5790684764342227E-2</v>
      </c>
    </row>
    <row r="155" spans="2:10" s="184" customFormat="1" ht="15" customHeight="1" x14ac:dyDescent="0.4">
      <c r="B155" s="194" t="s">
        <v>1764</v>
      </c>
      <c r="C155" s="194"/>
      <c r="D155" s="194"/>
      <c r="E155" s="194"/>
      <c r="F155" s="272"/>
      <c r="G155" s="255">
        <v>10528</v>
      </c>
      <c r="H155" s="220">
        <f t="shared" si="14"/>
        <v>5.418759779296714E-2</v>
      </c>
      <c r="I155" s="255">
        <v>903237033.70000231</v>
      </c>
      <c r="J155" s="220">
        <f t="shared" si="15"/>
        <v>6.1157214979516983E-2</v>
      </c>
    </row>
    <row r="156" spans="2:10" s="184" customFormat="1" ht="15" customHeight="1" x14ac:dyDescent="0.4">
      <c r="B156" s="194" t="s">
        <v>1765</v>
      </c>
      <c r="C156" s="194"/>
      <c r="D156" s="194"/>
      <c r="E156" s="194"/>
      <c r="F156" s="272"/>
      <c r="G156" s="255">
        <v>4547</v>
      </c>
      <c r="H156" s="220">
        <f t="shared" si="14"/>
        <v>2.3403401136457218E-2</v>
      </c>
      <c r="I156" s="255">
        <v>384697420.50000018</v>
      </c>
      <c r="J156" s="220">
        <f t="shared" si="15"/>
        <v>2.6047451521344873E-2</v>
      </c>
    </row>
    <row r="157" spans="2:10" s="184" customFormat="1" ht="15" customHeight="1" thickBot="1" x14ac:dyDescent="0.45">
      <c r="B157" s="196" t="s">
        <v>1766</v>
      </c>
      <c r="C157" s="196"/>
      <c r="D157" s="196"/>
      <c r="E157" s="196"/>
      <c r="F157" s="271"/>
      <c r="G157" s="258">
        <v>3158</v>
      </c>
      <c r="H157" s="259">
        <f t="shared" si="14"/>
        <v>1.6254220538581898E-2</v>
      </c>
      <c r="I157" s="258">
        <v>259070904.62999946</v>
      </c>
      <c r="J157" s="259">
        <f t="shared" si="15"/>
        <v>1.7541414289105869E-2</v>
      </c>
    </row>
    <row r="158" spans="2:10" s="184" customFormat="1" ht="15" customHeight="1" x14ac:dyDescent="0.4">
      <c r="B158" s="203" t="s">
        <v>1937</v>
      </c>
      <c r="C158" s="278"/>
      <c r="D158" s="278"/>
      <c r="E158" s="278"/>
      <c r="F158" s="278"/>
      <c r="G158" s="346" t="s">
        <v>645</v>
      </c>
      <c r="H158" s="346"/>
      <c r="I158" s="346" t="s">
        <v>1938</v>
      </c>
      <c r="J158" s="346"/>
    </row>
    <row r="159" spans="2:10" s="184" customFormat="1" ht="15" customHeight="1" x14ac:dyDescent="0.4">
      <c r="B159" s="279" t="s">
        <v>1939</v>
      </c>
      <c r="C159" s="279"/>
      <c r="D159" s="279"/>
      <c r="E159" s="279"/>
      <c r="F159" s="279"/>
      <c r="G159" s="279"/>
      <c r="H159" s="280">
        <v>55</v>
      </c>
      <c r="I159" s="220"/>
      <c r="J159" s="255">
        <v>3787640.1999999997</v>
      </c>
    </row>
    <row r="160" spans="2:10" s="184" customFormat="1" ht="15" customHeight="1" x14ac:dyDescent="0.4">
      <c r="B160" s="279" t="s">
        <v>1940</v>
      </c>
      <c r="C160" s="279"/>
      <c r="D160" s="279"/>
      <c r="E160" s="279"/>
      <c r="F160" s="279"/>
      <c r="G160" s="279"/>
      <c r="H160" s="280">
        <v>2</v>
      </c>
      <c r="I160" s="220"/>
      <c r="J160" s="255">
        <v>85270.239999999991</v>
      </c>
    </row>
    <row r="161" spans="2:10" s="184" customFormat="1" ht="15" customHeight="1" thickBot="1" x14ac:dyDescent="0.45">
      <c r="B161" s="234" t="s">
        <v>1941</v>
      </c>
      <c r="C161" s="234"/>
      <c r="D161" s="234"/>
      <c r="E161" s="234"/>
      <c r="F161" s="234"/>
      <c r="G161" s="234"/>
      <c r="H161" s="281">
        <v>0</v>
      </c>
      <c r="I161" s="259"/>
      <c r="J161" s="281">
        <v>0</v>
      </c>
    </row>
    <row r="162" spans="2:10" s="184" customFormat="1" ht="15" customHeight="1" x14ac:dyDescent="0.4">
      <c r="B162" s="282" t="s">
        <v>1942</v>
      </c>
      <c r="C162" s="283"/>
      <c r="D162" s="283"/>
      <c r="E162" s="284"/>
      <c r="F162" s="284"/>
      <c r="G162" s="285"/>
      <c r="H162" s="183"/>
      <c r="I162" s="347" t="s">
        <v>1943</v>
      </c>
      <c r="J162" s="347" t="s">
        <v>1944</v>
      </c>
    </row>
    <row r="163" spans="2:10" s="184" customFormat="1" ht="15" customHeight="1" x14ac:dyDescent="0.4">
      <c r="B163" s="286"/>
      <c r="C163" s="286"/>
      <c r="D163" s="287"/>
      <c r="E163" s="287"/>
      <c r="F163" s="287"/>
      <c r="G163" s="288"/>
      <c r="H163" s="183"/>
      <c r="I163" s="348"/>
      <c r="J163" s="348"/>
    </row>
    <row r="164" spans="2:10" s="184" customFormat="1" ht="15" customHeight="1" x14ac:dyDescent="0.4">
      <c r="B164" s="287"/>
      <c r="C164" s="287"/>
      <c r="D164" s="287"/>
      <c r="E164" s="287"/>
      <c r="F164" s="287"/>
      <c r="G164" s="288"/>
      <c r="H164" s="183"/>
      <c r="I164" s="289">
        <v>2026</v>
      </c>
      <c r="J164" s="290">
        <v>14767648323.320005</v>
      </c>
    </row>
    <row r="165" spans="2:10" s="184" customFormat="1" ht="15" customHeight="1" x14ac:dyDescent="0.4">
      <c r="B165" s="287"/>
      <c r="C165" s="287"/>
      <c r="D165" s="287"/>
      <c r="E165" s="287"/>
      <c r="F165" s="287"/>
      <c r="G165" s="288"/>
      <c r="H165" s="183"/>
      <c r="I165" s="289">
        <v>2027</v>
      </c>
      <c r="J165" s="290">
        <v>14760198431.310005</v>
      </c>
    </row>
    <row r="166" spans="2:10" s="184" customFormat="1" ht="15" customHeight="1" x14ac:dyDescent="0.4">
      <c r="B166" s="287"/>
      <c r="C166" s="287"/>
      <c r="D166" s="287"/>
      <c r="E166" s="287"/>
      <c r="F166" s="287"/>
      <c r="G166" s="288"/>
      <c r="H166" s="183"/>
      <c r="I166" s="289">
        <v>2028</v>
      </c>
      <c r="J166" s="290">
        <v>14746274174.810005</v>
      </c>
    </row>
    <row r="167" spans="2:10" s="184" customFormat="1" ht="15" customHeight="1" x14ac:dyDescent="0.4">
      <c r="B167" s="287"/>
      <c r="C167" s="287"/>
      <c r="D167" s="287"/>
      <c r="E167" s="287"/>
      <c r="F167" s="287"/>
      <c r="G167" s="288"/>
      <c r="H167" s="183"/>
      <c r="I167" s="289">
        <v>2029</v>
      </c>
      <c r="J167" s="290">
        <v>14716251436.610004</v>
      </c>
    </row>
    <row r="168" spans="2:10" s="184" customFormat="1" ht="15" customHeight="1" x14ac:dyDescent="0.4">
      <c r="B168" s="287"/>
      <c r="C168" s="287"/>
      <c r="D168" s="287"/>
      <c r="E168" s="287"/>
      <c r="F168" s="287"/>
      <c r="G168" s="288"/>
      <c r="H168" s="183"/>
      <c r="I168" s="289">
        <v>2030</v>
      </c>
      <c r="J168" s="290">
        <v>14668223729.880005</v>
      </c>
    </row>
    <row r="169" spans="2:10" s="184" customFormat="1" ht="15" customHeight="1" x14ac:dyDescent="0.4">
      <c r="B169" s="287"/>
      <c r="C169" s="287"/>
      <c r="D169" s="287"/>
      <c r="E169" s="287"/>
      <c r="F169" s="287"/>
      <c r="G169" s="288"/>
      <c r="H169" s="183"/>
      <c r="I169" s="289">
        <v>2034</v>
      </c>
      <c r="J169" s="290">
        <v>14318905353.560005</v>
      </c>
    </row>
    <row r="170" spans="2:10" s="184" customFormat="1" ht="15" customHeight="1" x14ac:dyDescent="0.4">
      <c r="B170" s="287"/>
      <c r="C170" s="287"/>
      <c r="D170" s="287"/>
      <c r="E170" s="287"/>
      <c r="F170" s="287"/>
      <c r="G170" s="288"/>
      <c r="H170" s="183"/>
      <c r="I170" s="289">
        <v>2039</v>
      </c>
      <c r="J170" s="290">
        <v>13717019600.650005</v>
      </c>
    </row>
    <row r="171" spans="2:10" s="184" customFormat="1" ht="15" customHeight="1" x14ac:dyDescent="0.4">
      <c r="B171" s="287"/>
      <c r="C171" s="287"/>
      <c r="D171" s="287"/>
      <c r="E171" s="287"/>
      <c r="F171" s="287"/>
      <c r="G171" s="288"/>
      <c r="H171" s="183"/>
      <c r="I171" s="289">
        <v>2044</v>
      </c>
      <c r="J171" s="290">
        <v>12492836715.590006</v>
      </c>
    </row>
    <row r="172" spans="2:10" s="184" customFormat="1" ht="15" customHeight="1" x14ac:dyDescent="0.4">
      <c r="B172" s="287"/>
      <c r="C172" s="287"/>
      <c r="D172" s="287"/>
      <c r="E172" s="287"/>
      <c r="F172" s="287"/>
      <c r="G172" s="288"/>
      <c r="H172" s="183"/>
      <c r="I172" s="289">
        <v>2049</v>
      </c>
      <c r="J172" s="290">
        <v>10199381374.590006</v>
      </c>
    </row>
    <row r="173" spans="2:10" s="184" customFormat="1" ht="15" customHeight="1" x14ac:dyDescent="0.4">
      <c r="B173" s="287"/>
      <c r="C173" s="287"/>
      <c r="D173" s="287"/>
      <c r="E173" s="287"/>
      <c r="F173" s="287"/>
      <c r="G173" s="288"/>
      <c r="H173" s="183"/>
      <c r="I173" s="289">
        <v>2054</v>
      </c>
      <c r="J173" s="290">
        <v>7053400154.3600073</v>
      </c>
    </row>
    <row r="174" spans="2:10" s="184" customFormat="1" ht="15" customHeight="1" x14ac:dyDescent="0.4">
      <c r="B174" s="287"/>
      <c r="C174" s="287"/>
      <c r="D174" s="287"/>
      <c r="E174" s="287"/>
      <c r="F174" s="287"/>
      <c r="G174" s="288"/>
      <c r="H174" s="183"/>
      <c r="I174" s="289">
        <v>2059</v>
      </c>
      <c r="J174" s="290">
        <v>3458433770.5500059</v>
      </c>
    </row>
    <row r="175" spans="2:10" s="184" customFormat="1" ht="15" customHeight="1" x14ac:dyDescent="0.4">
      <c r="B175" s="287"/>
      <c r="C175" s="287"/>
      <c r="D175" s="287"/>
      <c r="E175" s="287"/>
      <c r="F175" s="287"/>
      <c r="G175" s="288"/>
      <c r="H175" s="183"/>
      <c r="I175" s="289">
        <v>2064</v>
      </c>
      <c r="J175" s="290">
        <v>316081754.56000352</v>
      </c>
    </row>
    <row r="176" spans="2:10" s="184" customFormat="1" ht="15" customHeight="1" x14ac:dyDescent="0.4">
      <c r="B176" s="287"/>
      <c r="C176" s="287"/>
      <c r="D176" s="287"/>
      <c r="E176" s="287"/>
      <c r="F176" s="287"/>
      <c r="G176" s="288"/>
      <c r="H176" s="183"/>
      <c r="I176" s="289">
        <v>2069</v>
      </c>
      <c r="J176" s="290">
        <v>1102570.2200032207</v>
      </c>
    </row>
    <row r="177" spans="2:10" s="184" customFormat="1" ht="15" customHeight="1" x14ac:dyDescent="0.4">
      <c r="B177" s="287"/>
      <c r="C177" s="287"/>
      <c r="D177" s="287"/>
      <c r="E177" s="287"/>
      <c r="F177" s="287"/>
      <c r="G177" s="288"/>
      <c r="H177" s="183"/>
      <c r="I177" s="289"/>
      <c r="J177" s="290"/>
    </row>
    <row r="178" spans="2:10" s="184" customFormat="1" ht="15" customHeight="1" x14ac:dyDescent="0.4">
      <c r="B178" s="287"/>
      <c r="C178" s="287"/>
      <c r="D178" s="287"/>
      <c r="E178" s="287"/>
      <c r="F178" s="287"/>
      <c r="G178" s="288"/>
      <c r="H178" s="183"/>
      <c r="I178" s="291"/>
      <c r="J178" s="292"/>
    </row>
    <row r="179" spans="2:10" s="184" customFormat="1" ht="15" customHeight="1" x14ac:dyDescent="0.4">
      <c r="B179" s="287"/>
      <c r="C179" s="287"/>
      <c r="D179" s="287"/>
      <c r="E179" s="287"/>
      <c r="F179" s="287"/>
      <c r="G179" s="288"/>
      <c r="H179" s="183"/>
      <c r="I179" s="293"/>
      <c r="J179" s="290"/>
    </row>
    <row r="180" spans="2:10" s="184" customFormat="1" ht="15" customHeight="1" x14ac:dyDescent="0.4">
      <c r="B180" s="294"/>
      <c r="C180" s="294"/>
      <c r="D180" s="294"/>
      <c r="E180" s="352"/>
      <c r="F180" s="352"/>
      <c r="G180" s="295"/>
      <c r="H180" s="183"/>
      <c r="I180" s="293"/>
      <c r="J180" s="290"/>
    </row>
    <row r="181" spans="2:10" s="184" customFormat="1" ht="15" customHeight="1" thickBot="1" x14ac:dyDescent="0.45">
      <c r="B181" s="228"/>
      <c r="C181" s="228"/>
      <c r="D181" s="228"/>
      <c r="E181" s="228"/>
      <c r="F181" s="228"/>
      <c r="G181" s="228"/>
      <c r="H181" s="183"/>
      <c r="I181" s="293"/>
      <c r="J181" s="290"/>
    </row>
    <row r="182" spans="2:10" s="184" customFormat="1" ht="15" hidden="1" customHeight="1" thickBot="1" x14ac:dyDescent="0.45">
      <c r="B182" s="370"/>
      <c r="C182" s="371"/>
      <c r="D182" s="370"/>
      <c r="E182" s="371"/>
      <c r="F182" s="370"/>
      <c r="G182" s="371"/>
      <c r="H182" s="183"/>
      <c r="I182" s="293"/>
      <c r="J182" s="290"/>
    </row>
    <row r="183" spans="2:10" s="184" customFormat="1" ht="15" hidden="1" customHeight="1" x14ac:dyDescent="0.4">
      <c r="B183" s="296"/>
      <c r="C183" s="296"/>
      <c r="D183" s="296"/>
      <c r="E183" s="296"/>
      <c r="F183" s="296"/>
      <c r="G183" s="296"/>
      <c r="H183" s="297"/>
      <c r="I183" s="297"/>
      <c r="J183" s="297"/>
    </row>
    <row r="184" spans="2:10" s="184" customFormat="1" ht="15" customHeight="1" x14ac:dyDescent="0.4">
      <c r="B184" s="350" t="s">
        <v>1945</v>
      </c>
      <c r="C184" s="351"/>
      <c r="D184" s="351"/>
      <c r="E184" s="351"/>
      <c r="F184" s="351"/>
      <c r="G184" s="351"/>
      <c r="H184" s="298"/>
      <c r="I184" s="298"/>
      <c r="J184" s="264"/>
    </row>
    <row r="185" spans="2:10" s="184" customFormat="1" ht="15" customHeight="1" x14ac:dyDescent="0.4">
      <c r="B185" s="299"/>
      <c r="J185" s="199"/>
    </row>
    <row r="186" spans="2:10" s="184" customFormat="1" ht="15" customHeight="1" x14ac:dyDescent="0.4">
      <c r="B186" s="227" t="s">
        <v>1946</v>
      </c>
      <c r="C186" s="227"/>
      <c r="D186" s="227"/>
      <c r="E186" s="227"/>
      <c r="F186" s="227"/>
      <c r="G186" s="227"/>
      <c r="H186" s="227"/>
      <c r="I186" s="227"/>
      <c r="J186" s="227"/>
    </row>
    <row r="187" spans="2:10" s="184" customFormat="1" ht="15" customHeight="1" thickBot="1" x14ac:dyDescent="0.45">
      <c r="B187" s="234" t="s">
        <v>1947</v>
      </c>
      <c r="C187" s="296"/>
      <c r="D187" s="300" t="s">
        <v>1948</v>
      </c>
      <c r="E187" s="300" t="s">
        <v>1949</v>
      </c>
      <c r="F187" s="300" t="s">
        <v>1950</v>
      </c>
      <c r="G187" s="300" t="s">
        <v>1951</v>
      </c>
      <c r="H187" s="300" t="s">
        <v>1952</v>
      </c>
      <c r="I187" s="301" t="s">
        <v>1953</v>
      </c>
      <c r="J187" s="300" t="s">
        <v>1954</v>
      </c>
    </row>
    <row r="188" spans="2:10" s="184" customFormat="1" ht="15" customHeight="1" x14ac:dyDescent="0.4">
      <c r="B188" s="228" t="s">
        <v>1955</v>
      </c>
      <c r="C188" s="224"/>
      <c r="D188" s="302">
        <v>2611558.9299999978</v>
      </c>
      <c r="E188" s="302">
        <v>8648575.6699999981</v>
      </c>
      <c r="F188" s="302">
        <v>16869460.140000001</v>
      </c>
      <c r="G188" s="302">
        <v>34552344.800000034</v>
      </c>
      <c r="H188" s="302">
        <v>51521271.160000071</v>
      </c>
      <c r="I188" s="302">
        <v>447805840.51999873</v>
      </c>
      <c r="J188" s="302">
        <v>14207091111.4102</v>
      </c>
    </row>
    <row r="189" spans="2:10" s="184" customFormat="1" ht="15" customHeight="1" x14ac:dyDescent="0.4">
      <c r="B189" s="228" t="s">
        <v>1956</v>
      </c>
      <c r="C189" s="224"/>
      <c r="D189" s="303">
        <v>0</v>
      </c>
      <c r="E189" s="303">
        <v>0</v>
      </c>
      <c r="F189" s="303">
        <v>0</v>
      </c>
      <c r="G189" s="303">
        <v>0</v>
      </c>
      <c r="H189" s="303">
        <v>0</v>
      </c>
      <c r="I189" s="303">
        <v>0</v>
      </c>
      <c r="J189" s="303">
        <v>0</v>
      </c>
    </row>
    <row r="190" spans="2:10" s="184" customFormat="1" ht="15" customHeight="1" thickBot="1" x14ac:dyDescent="0.45">
      <c r="B190" s="279" t="s">
        <v>1957</v>
      </c>
      <c r="C190" s="257"/>
      <c r="D190" s="303">
        <v>0</v>
      </c>
      <c r="E190" s="304">
        <v>0</v>
      </c>
      <c r="F190" s="303">
        <v>0</v>
      </c>
      <c r="G190" s="303">
        <v>0</v>
      </c>
      <c r="H190" s="304">
        <v>0</v>
      </c>
      <c r="I190" s="303">
        <v>0</v>
      </c>
      <c r="J190" s="305">
        <v>0</v>
      </c>
    </row>
    <row r="191" spans="2:10" s="184" customFormat="1" ht="15" customHeight="1" thickBot="1" x14ac:dyDescent="0.45">
      <c r="B191" s="306" t="s">
        <v>1958</v>
      </c>
      <c r="C191" s="307"/>
      <c r="D191" s="308">
        <f>+SUM(D188:D190)</f>
        <v>2611558.9299999978</v>
      </c>
      <c r="E191" s="309">
        <f t="shared" ref="E191:J191" si="16">+SUM(E188:E190)</f>
        <v>8648575.6699999981</v>
      </c>
      <c r="F191" s="309">
        <f t="shared" si="16"/>
        <v>16869460.140000001</v>
      </c>
      <c r="G191" s="308">
        <f t="shared" si="16"/>
        <v>34552344.800000034</v>
      </c>
      <c r="H191" s="309">
        <f t="shared" si="16"/>
        <v>51521271.160000071</v>
      </c>
      <c r="I191" s="308">
        <f t="shared" si="16"/>
        <v>447805840.51999873</v>
      </c>
      <c r="J191" s="308">
        <f t="shared" si="16"/>
        <v>14207091111.4102</v>
      </c>
    </row>
    <row r="192" spans="2:10" s="184" customFormat="1" ht="15" customHeight="1" thickBot="1" x14ac:dyDescent="0.45">
      <c r="B192" s="306" t="s">
        <v>1959</v>
      </c>
      <c r="C192" s="224"/>
      <c r="D192" s="308">
        <v>850000000</v>
      </c>
      <c r="E192" s="300">
        <v>3150000000</v>
      </c>
      <c r="F192" s="300">
        <v>1631400000</v>
      </c>
      <c r="G192" s="308">
        <v>2600000000</v>
      </c>
      <c r="H192" s="300">
        <v>2750000000</v>
      </c>
      <c r="I192" s="308">
        <v>1000000000</v>
      </c>
      <c r="J192" s="308">
        <v>0</v>
      </c>
    </row>
    <row r="193" spans="2:10" s="184" customFormat="1" ht="15" customHeight="1" x14ac:dyDescent="0.4">
      <c r="B193" s="350" t="s">
        <v>1945</v>
      </c>
      <c r="C193" s="351"/>
      <c r="D193" s="351"/>
      <c r="E193" s="351"/>
      <c r="F193" s="351"/>
      <c r="G193" s="351"/>
      <c r="H193" s="310"/>
      <c r="I193" s="310"/>
      <c r="J193" s="311"/>
    </row>
    <row r="194" spans="2:10" s="184" customFormat="1" ht="13.35" customHeight="1" x14ac:dyDescent="0.4">
      <c r="B194" s="312"/>
      <c r="C194" s="313"/>
      <c r="D194" s="313"/>
      <c r="E194" s="313"/>
      <c r="F194" s="313"/>
      <c r="G194" s="313"/>
      <c r="H194" s="314"/>
      <c r="I194" s="314"/>
      <c r="J194" s="199"/>
    </row>
    <row r="195" spans="2:10" s="184" customFormat="1" ht="15" customHeight="1" x14ac:dyDescent="0.4">
      <c r="B195" s="315" t="s">
        <v>1960</v>
      </c>
      <c r="C195" s="315"/>
      <c r="D195" s="315"/>
      <c r="E195" s="315"/>
      <c r="F195" s="315"/>
      <c r="G195" s="356"/>
      <c r="H195" s="356"/>
      <c r="I195" s="355" t="s">
        <v>1809</v>
      </c>
      <c r="J195" s="356"/>
    </row>
    <row r="196" spans="2:10" s="184" customFormat="1" ht="15" customHeight="1" x14ac:dyDescent="0.4">
      <c r="B196" s="363" t="s">
        <v>1961</v>
      </c>
      <c r="C196" s="363"/>
      <c r="D196" s="363"/>
      <c r="E196" s="363"/>
      <c r="F196" s="363"/>
      <c r="G196" s="363"/>
      <c r="H196" s="265"/>
      <c r="I196" s="224"/>
      <c r="J196" s="208">
        <f>+J197+J200</f>
        <v>11981400000</v>
      </c>
    </row>
    <row r="197" spans="2:10" s="184" customFormat="1" ht="15" customHeight="1" x14ac:dyDescent="0.4">
      <c r="B197" s="363" t="s">
        <v>1962</v>
      </c>
      <c r="C197" s="363"/>
      <c r="D197" s="363"/>
      <c r="E197" s="363"/>
      <c r="F197" s="363"/>
      <c r="G197" s="363"/>
      <c r="H197" s="265"/>
      <c r="I197" s="224"/>
      <c r="J197" s="208">
        <f>+SUM(J198:J199)</f>
        <v>11981400000</v>
      </c>
    </row>
    <row r="198" spans="2:10" s="184" customFormat="1" ht="15" customHeight="1" x14ac:dyDescent="0.4">
      <c r="B198" s="349" t="s">
        <v>1963</v>
      </c>
      <c r="C198" s="349"/>
      <c r="D198" s="349"/>
      <c r="E198" s="349"/>
      <c r="F198" s="349"/>
      <c r="G198" s="349"/>
      <c r="H198" s="247"/>
      <c r="I198" s="224"/>
      <c r="J198" s="216">
        <v>0</v>
      </c>
    </row>
    <row r="199" spans="2:10" s="184" customFormat="1" ht="15" customHeight="1" x14ac:dyDescent="0.4">
      <c r="B199" s="349" t="s">
        <v>1964</v>
      </c>
      <c r="C199" s="349"/>
      <c r="D199" s="349"/>
      <c r="E199" s="349"/>
      <c r="F199" s="349"/>
      <c r="G199" s="349"/>
      <c r="H199" s="247"/>
      <c r="I199" s="224"/>
      <c r="J199" s="216">
        <f>+J14</f>
        <v>11981400000</v>
      </c>
    </row>
    <row r="200" spans="2:10" s="184" customFormat="1" ht="15" customHeight="1" thickBot="1" x14ac:dyDescent="0.45">
      <c r="B200" s="276" t="s">
        <v>1965</v>
      </c>
      <c r="C200" s="196"/>
      <c r="D200" s="196"/>
      <c r="E200" s="196"/>
      <c r="F200" s="271"/>
      <c r="G200" s="277"/>
      <c r="H200" s="222"/>
      <c r="I200" s="277"/>
      <c r="J200" s="316">
        <v>0</v>
      </c>
    </row>
    <row r="201" spans="2:10" s="184" customFormat="1" ht="15" customHeight="1" x14ac:dyDescent="0.4">
      <c r="B201" s="357" t="s">
        <v>1966</v>
      </c>
      <c r="C201" s="357"/>
      <c r="D201" s="357"/>
      <c r="E201" s="357"/>
      <c r="F201" s="357"/>
      <c r="G201" s="357"/>
      <c r="H201" s="317"/>
      <c r="I201" s="317"/>
    </row>
    <row r="202" spans="2:10" ht="15" customHeight="1" x14ac:dyDescent="0.4">
      <c r="B202" s="318" t="s">
        <v>1967</v>
      </c>
      <c r="C202" s="318"/>
      <c r="D202" s="318"/>
      <c r="E202" s="318"/>
      <c r="F202" s="318"/>
      <c r="G202" s="318"/>
      <c r="H202" s="318"/>
      <c r="I202" s="318"/>
      <c r="J202" s="318"/>
    </row>
    <row r="203" spans="2:10" s="184" customFormat="1" ht="15" customHeight="1" x14ac:dyDescent="0.4">
      <c r="B203" s="342" t="s">
        <v>1968</v>
      </c>
      <c r="C203" s="342"/>
      <c r="D203" s="342"/>
      <c r="E203" s="319"/>
      <c r="F203" s="319"/>
      <c r="G203" s="319"/>
      <c r="H203" s="343" t="s">
        <v>1969</v>
      </c>
      <c r="I203" s="344"/>
      <c r="J203" s="344"/>
    </row>
    <row r="204" spans="2:10" ht="12.75" customHeight="1" x14ac:dyDescent="0.4">
      <c r="B204" s="228" t="s">
        <v>1970</v>
      </c>
      <c r="C204" s="320"/>
      <c r="D204" s="343" t="s">
        <v>1745</v>
      </c>
      <c r="E204" s="343"/>
      <c r="F204" s="343"/>
      <c r="G204" s="343"/>
      <c r="H204" s="343"/>
      <c r="I204" s="343"/>
      <c r="J204" s="343"/>
    </row>
    <row r="205" spans="2:10" x14ac:dyDescent="0.4">
      <c r="B205" s="228" t="s">
        <v>1971</v>
      </c>
      <c r="C205" s="320"/>
      <c r="D205" s="362" t="s">
        <v>1972</v>
      </c>
      <c r="E205" s="362"/>
      <c r="F205" s="362"/>
      <c r="G205" s="362"/>
      <c r="H205" s="362"/>
      <c r="I205" s="362"/>
      <c r="J205" s="362" t="s">
        <v>1972</v>
      </c>
    </row>
    <row r="206" spans="2:10" x14ac:dyDescent="0.4">
      <c r="C206" s="184"/>
      <c r="D206" s="184"/>
      <c r="E206" s="184"/>
      <c r="F206" s="184"/>
      <c r="G206" s="184"/>
      <c r="H206" s="184"/>
      <c r="I206" s="184"/>
      <c r="J206" s="199"/>
    </row>
    <row r="207" spans="2:10" x14ac:dyDescent="0.4">
      <c r="B207" s="321" t="s">
        <v>1973</v>
      </c>
      <c r="C207" s="217"/>
      <c r="D207" s="217"/>
      <c r="E207" s="217"/>
      <c r="F207" s="217"/>
      <c r="G207" s="217"/>
      <c r="H207" s="217"/>
      <c r="I207" s="217"/>
      <c r="J207" s="322"/>
    </row>
    <row r="208" spans="2:10" ht="15" customHeight="1" x14ac:dyDescent="0.4">
      <c r="B208" s="359" t="s">
        <v>1974</v>
      </c>
      <c r="C208" s="359"/>
      <c r="D208" s="359"/>
      <c r="E208" s="359"/>
      <c r="F208" s="359"/>
      <c r="G208" s="359"/>
      <c r="H208" s="359"/>
      <c r="I208" s="359"/>
      <c r="J208" s="359"/>
    </row>
    <row r="209" spans="2:10" ht="26.25" customHeight="1" x14ac:dyDescent="0.4">
      <c r="B209" s="358" t="s">
        <v>1975</v>
      </c>
      <c r="C209" s="358"/>
      <c r="D209" s="358"/>
      <c r="E209" s="358"/>
      <c r="F209" s="358"/>
      <c r="G209" s="358"/>
      <c r="H209" s="358"/>
      <c r="I209" s="358"/>
      <c r="J209" s="358"/>
    </row>
    <row r="210" spans="2:10" x14ac:dyDescent="0.4">
      <c r="B210" s="361"/>
      <c r="C210" s="361"/>
      <c r="D210" s="361"/>
      <c r="E210" s="361"/>
      <c r="F210" s="361"/>
      <c r="G210" s="361"/>
      <c r="H210" s="361"/>
      <c r="I210" s="361"/>
      <c r="J210" s="361"/>
    </row>
    <row r="211" spans="2:10" ht="15" customHeight="1" x14ac:dyDescent="0.4">
      <c r="B211" s="360" t="s">
        <v>1976</v>
      </c>
      <c r="C211" s="360"/>
      <c r="D211" s="360"/>
      <c r="E211" s="360"/>
      <c r="F211" s="360"/>
      <c r="G211" s="360"/>
      <c r="H211" s="360"/>
      <c r="I211" s="360"/>
      <c r="J211" s="360"/>
    </row>
    <row r="212" spans="2:10" ht="90.6" customHeight="1" x14ac:dyDescent="0.4">
      <c r="B212" s="342" t="s">
        <v>1977</v>
      </c>
      <c r="C212" s="342"/>
      <c r="D212" s="342"/>
      <c r="E212" s="342"/>
      <c r="F212" s="342"/>
      <c r="G212" s="342"/>
      <c r="H212" s="342"/>
      <c r="I212" s="342"/>
      <c r="J212" s="342"/>
    </row>
    <row r="213" spans="2:10" x14ac:dyDescent="0.4">
      <c r="B213" s="361"/>
      <c r="C213" s="361"/>
      <c r="D213" s="361"/>
      <c r="E213" s="361"/>
      <c r="F213" s="361"/>
      <c r="G213" s="361"/>
      <c r="H213" s="361"/>
      <c r="I213" s="361"/>
      <c r="J213" s="361"/>
    </row>
    <row r="214" spans="2:10" ht="15" customHeight="1" x14ac:dyDescent="0.4">
      <c r="B214" s="359" t="s">
        <v>1978</v>
      </c>
      <c r="C214" s="359"/>
      <c r="D214" s="359"/>
      <c r="E214" s="359"/>
      <c r="F214" s="359"/>
      <c r="G214" s="359"/>
      <c r="H214" s="359"/>
      <c r="I214" s="359"/>
      <c r="J214" s="359"/>
    </row>
    <row r="215" spans="2:10" ht="27" customHeight="1" x14ac:dyDescent="0.4">
      <c r="B215" s="358" t="s">
        <v>1979</v>
      </c>
      <c r="C215" s="358"/>
      <c r="D215" s="358"/>
      <c r="E215" s="358"/>
      <c r="F215" s="358"/>
      <c r="G215" s="358"/>
      <c r="H215" s="358"/>
      <c r="I215" s="358"/>
      <c r="J215" s="358"/>
    </row>
    <row r="216" spans="2:10" x14ac:dyDescent="0.4">
      <c r="B216" s="361"/>
      <c r="C216" s="361"/>
      <c r="D216" s="361"/>
      <c r="E216" s="361"/>
      <c r="F216" s="361"/>
      <c r="G216" s="361"/>
      <c r="H216" s="361"/>
      <c r="I216" s="361"/>
      <c r="J216" s="361"/>
    </row>
    <row r="217" spans="2:10" ht="15.6" x14ac:dyDescent="0.4">
      <c r="B217" s="359" t="s">
        <v>1980</v>
      </c>
      <c r="C217" s="359"/>
      <c r="D217" s="359"/>
      <c r="E217" s="359"/>
      <c r="F217" s="359"/>
      <c r="G217" s="359"/>
      <c r="H217" s="359"/>
      <c r="I217" s="359"/>
      <c r="J217" s="359"/>
    </row>
    <row r="218" spans="2:10" ht="68.099999999999994" customHeight="1" x14ac:dyDescent="0.4">
      <c r="B218" s="358" t="s">
        <v>1981</v>
      </c>
      <c r="C218" s="358"/>
      <c r="D218" s="358"/>
      <c r="E218" s="358"/>
      <c r="F218" s="358"/>
      <c r="G218" s="358"/>
      <c r="H218" s="358"/>
      <c r="I218" s="358"/>
      <c r="J218" s="358"/>
    </row>
    <row r="219" spans="2:10" x14ac:dyDescent="0.4">
      <c r="B219" s="361"/>
      <c r="C219" s="361"/>
      <c r="D219" s="361"/>
      <c r="E219" s="361"/>
      <c r="F219" s="361"/>
      <c r="G219" s="361"/>
      <c r="H219" s="361"/>
      <c r="I219" s="361"/>
      <c r="J219" s="361"/>
    </row>
    <row r="220" spans="2:10" ht="15" customHeight="1" x14ac:dyDescent="0.4">
      <c r="B220" s="360" t="s">
        <v>1982</v>
      </c>
      <c r="C220" s="360"/>
      <c r="D220" s="360"/>
      <c r="E220" s="360"/>
      <c r="F220" s="360"/>
      <c r="G220" s="360"/>
      <c r="H220" s="360"/>
      <c r="I220" s="360"/>
      <c r="J220" s="360"/>
    </row>
    <row r="221" spans="2:10" ht="166.35" customHeight="1" x14ac:dyDescent="0.4">
      <c r="B221" s="342" t="s">
        <v>1983</v>
      </c>
      <c r="C221" s="342"/>
      <c r="D221" s="342"/>
      <c r="E221" s="342"/>
      <c r="F221" s="342"/>
      <c r="G221" s="342"/>
      <c r="H221" s="342"/>
      <c r="I221" s="342"/>
      <c r="J221" s="342"/>
    </row>
    <row r="222" spans="2:10" ht="15" customHeight="1" x14ac:dyDescent="0.4">
      <c r="B222" s="359" t="s">
        <v>1984</v>
      </c>
      <c r="C222" s="359"/>
      <c r="D222" s="359"/>
      <c r="E222" s="359"/>
      <c r="F222" s="359"/>
      <c r="G222" s="359"/>
      <c r="H222" s="359"/>
      <c r="I222" s="359"/>
      <c r="J222" s="359"/>
    </row>
    <row r="223" spans="2:10" ht="15" customHeight="1" x14ac:dyDescent="0.4">
      <c r="B223" s="359"/>
      <c r="C223" s="359"/>
      <c r="D223" s="359"/>
      <c r="E223" s="359"/>
      <c r="F223" s="359"/>
      <c r="G223" s="359"/>
      <c r="H223" s="359"/>
      <c r="I223" s="359"/>
      <c r="J223" s="359"/>
    </row>
    <row r="224" spans="2:10" x14ac:dyDescent="0.4">
      <c r="B224" s="358" t="s">
        <v>1985</v>
      </c>
      <c r="C224" s="358"/>
      <c r="D224" s="358"/>
      <c r="E224" s="358"/>
      <c r="F224" s="358"/>
      <c r="G224" s="358"/>
      <c r="H224" s="358"/>
      <c r="I224" s="358"/>
      <c r="J224" s="358"/>
    </row>
    <row r="225" spans="2:10" ht="15" customHeight="1" x14ac:dyDescent="0.4">
      <c r="B225" s="358"/>
      <c r="C225" s="358"/>
      <c r="D225" s="358"/>
      <c r="E225" s="358"/>
      <c r="F225" s="358"/>
      <c r="G225" s="358"/>
      <c r="H225" s="358"/>
      <c r="I225" s="358"/>
      <c r="J225" s="358"/>
    </row>
    <row r="226" spans="2:10" ht="15" customHeight="1" x14ac:dyDescent="0.4">
      <c r="B226" s="359" t="s">
        <v>1986</v>
      </c>
      <c r="C226" s="359"/>
      <c r="D226" s="359"/>
      <c r="E226" s="359"/>
      <c r="F226" s="359"/>
      <c r="G226" s="359"/>
      <c r="H226" s="359"/>
      <c r="I226" s="359"/>
      <c r="J226" s="359"/>
    </row>
    <row r="227" spans="2:10" ht="68.099999999999994" customHeight="1" x14ac:dyDescent="0.4">
      <c r="B227" s="358" t="s">
        <v>1987</v>
      </c>
      <c r="C227" s="358"/>
      <c r="D227" s="358"/>
      <c r="E227" s="358"/>
      <c r="F227" s="358"/>
      <c r="G227" s="358"/>
      <c r="H227" s="358"/>
      <c r="I227" s="358"/>
      <c r="J227" s="358"/>
    </row>
    <row r="228" spans="2:10" x14ac:dyDescent="0.4">
      <c r="B228" s="360"/>
      <c r="C228" s="360"/>
      <c r="D228" s="360"/>
      <c r="E228" s="360"/>
      <c r="F228" s="360"/>
      <c r="G228" s="360"/>
      <c r="H228" s="360"/>
      <c r="I228" s="360"/>
      <c r="J228" s="360"/>
    </row>
    <row r="229" spans="2:10" x14ac:dyDescent="0.4">
      <c r="J229" s="231"/>
    </row>
    <row r="230" spans="2:10" ht="51" customHeight="1" x14ac:dyDescent="0.4">
      <c r="B230" s="342"/>
      <c r="C230" s="342"/>
      <c r="D230" s="342"/>
      <c r="E230" s="342"/>
      <c r="F230" s="342"/>
      <c r="G230" s="342"/>
      <c r="H230" s="342"/>
      <c r="I230" s="342"/>
      <c r="J230" s="342"/>
    </row>
    <row r="231" spans="2:10" x14ac:dyDescent="0.4">
      <c r="J231" s="231"/>
    </row>
    <row r="232" spans="2:10" x14ac:dyDescent="0.4">
      <c r="J232" s="231"/>
    </row>
    <row r="233" spans="2:10" x14ac:dyDescent="0.4">
      <c r="J233" s="231"/>
    </row>
    <row r="234" spans="2:10" x14ac:dyDescent="0.4">
      <c r="J234" s="231"/>
    </row>
    <row r="235" spans="2:10" x14ac:dyDescent="0.4">
      <c r="J235" s="231"/>
    </row>
    <row r="236" spans="2:10" x14ac:dyDescent="0.4">
      <c r="J236" s="231"/>
    </row>
    <row r="237" spans="2:10" x14ac:dyDescent="0.4">
      <c r="J237" s="231"/>
    </row>
    <row r="238" spans="2:10" x14ac:dyDescent="0.4">
      <c r="J238" s="231"/>
    </row>
    <row r="239" spans="2:10" x14ac:dyDescent="0.4">
      <c r="J239" s="231"/>
    </row>
    <row r="240" spans="2:10" x14ac:dyDescent="0.4">
      <c r="J240" s="231"/>
    </row>
    <row r="241" spans="10:10" x14ac:dyDescent="0.4">
      <c r="J241" s="231"/>
    </row>
    <row r="242" spans="10:10" x14ac:dyDescent="0.4">
      <c r="J242" s="231"/>
    </row>
    <row r="243" spans="10:10" x14ac:dyDescent="0.4">
      <c r="J243" s="231"/>
    </row>
    <row r="244" spans="10:10" x14ac:dyDescent="0.4">
      <c r="J244" s="231"/>
    </row>
    <row r="245" spans="10:10" x14ac:dyDescent="0.4">
      <c r="J245" s="231"/>
    </row>
    <row r="246" spans="10:10" x14ac:dyDescent="0.4">
      <c r="J246" s="231"/>
    </row>
  </sheetData>
  <mergeCells count="70">
    <mergeCell ref="B62:G62"/>
    <mergeCell ref="G38:H38"/>
    <mergeCell ref="I42:J42"/>
    <mergeCell ref="B55:G55"/>
    <mergeCell ref="B56:G56"/>
    <mergeCell ref="B57:G57"/>
    <mergeCell ref="B60:G60"/>
    <mergeCell ref="B61:G61"/>
    <mergeCell ref="B50:G50"/>
    <mergeCell ref="B51:G51"/>
    <mergeCell ref="B52:G52"/>
    <mergeCell ref="B53:G53"/>
    <mergeCell ref="B54:G54"/>
    <mergeCell ref="B63:G63"/>
    <mergeCell ref="B64:G64"/>
    <mergeCell ref="B182:C182"/>
    <mergeCell ref="D182:E182"/>
    <mergeCell ref="F182:G182"/>
    <mergeCell ref="E147:F147"/>
    <mergeCell ref="E148:F148"/>
    <mergeCell ref="G158:H158"/>
    <mergeCell ref="B227:J227"/>
    <mergeCell ref="B216:J216"/>
    <mergeCell ref="B208:J208"/>
    <mergeCell ref="B209:J209"/>
    <mergeCell ref="B210:J210"/>
    <mergeCell ref="B211:J211"/>
    <mergeCell ref="B212:J212"/>
    <mergeCell ref="B213:J213"/>
    <mergeCell ref="B214:J214"/>
    <mergeCell ref="B215:J215"/>
    <mergeCell ref="B220:J220"/>
    <mergeCell ref="B221:J221"/>
    <mergeCell ref="B222:J223"/>
    <mergeCell ref="B230:J230"/>
    <mergeCell ref="B193:G193"/>
    <mergeCell ref="G195:H195"/>
    <mergeCell ref="I195:J195"/>
    <mergeCell ref="B198:G198"/>
    <mergeCell ref="B201:G201"/>
    <mergeCell ref="B224:J224"/>
    <mergeCell ref="B225:J225"/>
    <mergeCell ref="B226:J226"/>
    <mergeCell ref="B228:J228"/>
    <mergeCell ref="B217:J217"/>
    <mergeCell ref="B218:J218"/>
    <mergeCell ref="B219:J219"/>
    <mergeCell ref="D205:J205"/>
    <mergeCell ref="B196:G196"/>
    <mergeCell ref="B197:G197"/>
    <mergeCell ref="C7:F7"/>
    <mergeCell ref="G7:J7"/>
    <mergeCell ref="G13:H13"/>
    <mergeCell ref="I13:J13"/>
    <mergeCell ref="I43:J43"/>
    <mergeCell ref="I38:J38"/>
    <mergeCell ref="I40:J40"/>
    <mergeCell ref="B203:D203"/>
    <mergeCell ref="H203:J203"/>
    <mergeCell ref="D204:J204"/>
    <mergeCell ref="I69:J69"/>
    <mergeCell ref="I158:J158"/>
    <mergeCell ref="I162:I163"/>
    <mergeCell ref="J162:J163"/>
    <mergeCell ref="B199:G199"/>
    <mergeCell ref="B184:G184"/>
    <mergeCell ref="E180:F180"/>
    <mergeCell ref="E145:F145"/>
    <mergeCell ref="E146:F146"/>
    <mergeCell ref="I70:J70"/>
  </mergeCells>
  <hyperlinks>
    <hyperlink ref="H203" r:id="rId1" xr:uid="{034E3AB7-C862-4451-B7FD-1784FB69B9CC}"/>
    <hyperlink ref="D205" r:id="rId2" xr:uid="{29969CE5-93B4-4712-81D1-3F402582E0D0}"/>
    <hyperlink ref="D204" r:id="rId3" xr:uid="{E7395EAB-4F87-466B-A33D-630EC7C1A343}"/>
    <hyperlink ref="D204:J204" r:id="rId4" display="https://www.santandertotta.pt/pt_PT/Investor-Relations/Emissão-de-Divida/2020.html" xr:uid="{7C1BA5EB-EB3D-4DD2-A6AC-64C1DB737098}"/>
  </hyperlinks>
  <pageMargins left="0.7" right="0.7" top="0.75" bottom="0.75" header="0.3" footer="0.3"/>
  <pageSetup paperSize="9" orientation="portrait" r:id="rId5"/>
  <drawing r:id="rId6"/>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9">
    <tabColor rgb="FF243386"/>
  </sheetPr>
  <dimension ref="A1:N112"/>
  <sheetViews>
    <sheetView zoomScale="75" zoomScaleNormal="75" workbookViewId="0">
      <selection activeCell="C82" sqref="C82"/>
    </sheetView>
  </sheetViews>
  <sheetFormatPr defaultColWidth="8.88671875" defaultRowHeight="14.4" outlineLevelRow="1" x14ac:dyDescent="0.3"/>
  <cols>
    <col min="1" max="1" width="13.33203125" style="51" customWidth="1"/>
    <col min="2" max="2" width="60.5546875" style="51" bestFit="1" customWidth="1"/>
    <col min="3" max="7" width="41" style="51" customWidth="1"/>
    <col min="8" max="8" width="7.33203125" style="51" customWidth="1"/>
    <col min="9" max="9" width="92" style="51" customWidth="1"/>
    <col min="10" max="11" width="47.6640625" style="51" customWidth="1"/>
    <col min="12" max="12" width="7.33203125" style="51" customWidth="1"/>
    <col min="13" max="13" width="25.6640625" style="51" customWidth="1"/>
    <col min="14" max="14" width="25.6640625" style="49" customWidth="1"/>
    <col min="15" max="16384" width="8.88671875" style="80"/>
  </cols>
  <sheetData>
    <row r="1" spans="1:13" ht="45" customHeight="1" x14ac:dyDescent="0.3">
      <c r="A1" s="377" t="s">
        <v>1102</v>
      </c>
      <c r="B1" s="377"/>
    </row>
    <row r="2" spans="1:13" ht="31.2" x14ac:dyDescent="0.3">
      <c r="A2" s="48" t="s">
        <v>1101</v>
      </c>
      <c r="B2" s="48"/>
      <c r="C2" s="49"/>
      <c r="D2" s="49"/>
      <c r="E2" s="49"/>
      <c r="F2" s="171" t="s">
        <v>1727</v>
      </c>
      <c r="G2" s="82"/>
      <c r="H2" s="49"/>
      <c r="I2" s="48"/>
      <c r="J2" s="49"/>
      <c r="K2" s="49"/>
      <c r="L2" s="49"/>
      <c r="M2" s="49"/>
    </row>
    <row r="3" spans="1:13" ht="15" thickBot="1" x14ac:dyDescent="0.35">
      <c r="A3" s="49"/>
      <c r="B3" s="50"/>
      <c r="C3" s="50"/>
      <c r="D3" s="49"/>
      <c r="E3" s="49"/>
      <c r="F3" s="49"/>
      <c r="G3" s="49"/>
      <c r="H3" s="49"/>
      <c r="L3" s="49"/>
      <c r="M3" s="49"/>
    </row>
    <row r="4" spans="1:13" ht="18.600000000000001" thickBot="1" x14ac:dyDescent="0.35">
      <c r="A4" s="52"/>
      <c r="B4" s="53" t="s">
        <v>69</v>
      </c>
      <c r="C4" s="54" t="s">
        <v>202</v>
      </c>
      <c r="D4" s="52"/>
      <c r="E4" s="52"/>
      <c r="F4" s="49"/>
      <c r="G4" s="49"/>
      <c r="H4" s="49"/>
      <c r="I4" s="168"/>
      <c r="J4" s="168"/>
      <c r="L4" s="49"/>
      <c r="M4" s="49"/>
    </row>
    <row r="5" spans="1:13" ht="15" thickBot="1" x14ac:dyDescent="0.35">
      <c r="H5" s="49"/>
      <c r="I5" s="168"/>
      <c r="L5" s="49"/>
      <c r="M5" s="49"/>
    </row>
    <row r="6" spans="1:13" ht="18" x14ac:dyDescent="0.3">
      <c r="A6" s="55"/>
      <c r="B6" s="56" t="s">
        <v>1008</v>
      </c>
      <c r="C6" s="55"/>
      <c r="E6" s="57"/>
      <c r="F6" s="57"/>
      <c r="G6" s="57"/>
      <c r="H6" s="49"/>
      <c r="I6" s="168"/>
      <c r="L6" s="49"/>
      <c r="M6" s="49"/>
    </row>
    <row r="7" spans="1:13" x14ac:dyDescent="0.3">
      <c r="B7" s="59" t="s">
        <v>1100</v>
      </c>
      <c r="H7" s="49"/>
      <c r="I7" s="168"/>
      <c r="L7" s="49"/>
      <c r="M7" s="49"/>
    </row>
    <row r="8" spans="1:13" x14ac:dyDescent="0.3">
      <c r="B8" s="59" t="s">
        <v>1021</v>
      </c>
      <c r="H8" s="49"/>
      <c r="I8" s="168"/>
      <c r="L8" s="49"/>
      <c r="M8" s="49"/>
    </row>
    <row r="9" spans="1:13" ht="15" thickBot="1" x14ac:dyDescent="0.35">
      <c r="B9" s="60" t="s">
        <v>1043</v>
      </c>
      <c r="H9" s="49"/>
      <c r="L9" s="49"/>
      <c r="M9" s="49"/>
    </row>
    <row r="10" spans="1:13" x14ac:dyDescent="0.3">
      <c r="B10" s="61"/>
      <c r="H10" s="49"/>
      <c r="I10" s="169"/>
      <c r="L10" s="49"/>
      <c r="M10" s="49"/>
    </row>
    <row r="11" spans="1:13" x14ac:dyDescent="0.3">
      <c r="B11" s="61"/>
      <c r="H11" s="49"/>
      <c r="I11" s="169"/>
      <c r="L11" s="49"/>
      <c r="M11" s="49"/>
    </row>
    <row r="12" spans="1:13" ht="36" x14ac:dyDescent="0.3">
      <c r="A12" s="62" t="s">
        <v>77</v>
      </c>
      <c r="B12" s="62" t="s">
        <v>1088</v>
      </c>
      <c r="C12" s="63"/>
      <c r="D12" s="63"/>
      <c r="E12" s="63"/>
      <c r="F12" s="63"/>
      <c r="G12" s="63"/>
      <c r="H12" s="49"/>
      <c r="L12" s="49"/>
      <c r="M12" s="49"/>
    </row>
    <row r="13" spans="1:13" ht="15" customHeight="1" x14ac:dyDescent="0.3">
      <c r="A13" s="70"/>
      <c r="B13" s="71" t="s">
        <v>1020</v>
      </c>
      <c r="C13" s="70" t="s">
        <v>1087</v>
      </c>
      <c r="D13" s="70" t="s">
        <v>1098</v>
      </c>
      <c r="E13" s="72"/>
      <c r="F13" s="73"/>
      <c r="G13" s="73"/>
      <c r="H13" s="49"/>
      <c r="L13" s="49"/>
      <c r="M13" s="49"/>
    </row>
    <row r="14" spans="1:13" x14ac:dyDescent="0.3">
      <c r="A14" s="51" t="s">
        <v>1009</v>
      </c>
      <c r="B14" s="68" t="s">
        <v>998</v>
      </c>
      <c r="C14" s="51" t="s">
        <v>1751</v>
      </c>
      <c r="D14" s="51" t="s">
        <v>1752</v>
      </c>
      <c r="E14" s="57"/>
      <c r="F14" s="57"/>
      <c r="G14" s="57"/>
      <c r="H14" s="49"/>
      <c r="L14" s="49"/>
      <c r="M14" s="49"/>
    </row>
    <row r="15" spans="1:13" x14ac:dyDescent="0.3">
      <c r="A15" s="51" t="s">
        <v>1010</v>
      </c>
      <c r="B15" s="68" t="s">
        <v>396</v>
      </c>
      <c r="C15" s="51" t="s">
        <v>1744</v>
      </c>
      <c r="D15" s="51" t="s">
        <v>1753</v>
      </c>
      <c r="E15" s="57"/>
      <c r="F15" s="57"/>
      <c r="G15" s="57"/>
      <c r="H15" s="49"/>
      <c r="L15" s="49"/>
      <c r="M15" s="49"/>
    </row>
    <row r="16" spans="1:13" x14ac:dyDescent="0.3">
      <c r="A16" s="51" t="s">
        <v>1011</v>
      </c>
      <c r="B16" s="68" t="s">
        <v>999</v>
      </c>
      <c r="C16" s="51" t="s">
        <v>1751</v>
      </c>
      <c r="D16" s="51" t="s">
        <v>1752</v>
      </c>
      <c r="E16" s="57"/>
      <c r="F16" s="57"/>
      <c r="G16" s="57"/>
      <c r="H16" s="49"/>
      <c r="L16" s="49"/>
      <c r="M16" s="49"/>
    </row>
    <row r="17" spans="1:13" x14ac:dyDescent="0.3">
      <c r="A17" s="51" t="s">
        <v>1012</v>
      </c>
      <c r="B17" s="68" t="s">
        <v>1000</v>
      </c>
      <c r="C17" s="51" t="s">
        <v>1751</v>
      </c>
      <c r="D17" s="51" t="s">
        <v>1752</v>
      </c>
      <c r="E17" s="57"/>
      <c r="F17" s="57"/>
      <c r="G17" s="57"/>
      <c r="H17" s="49"/>
      <c r="L17" s="49"/>
      <c r="M17" s="49"/>
    </row>
    <row r="18" spans="1:13" x14ac:dyDescent="0.3">
      <c r="A18" s="51" t="s">
        <v>1013</v>
      </c>
      <c r="B18" s="68" t="s">
        <v>1001</v>
      </c>
      <c r="C18" s="51" t="s">
        <v>1744</v>
      </c>
      <c r="D18" s="51" t="s">
        <v>1753</v>
      </c>
      <c r="E18" s="57"/>
      <c r="F18" s="57"/>
      <c r="G18" s="57"/>
      <c r="H18" s="49"/>
      <c r="L18" s="49"/>
      <c r="M18" s="49"/>
    </row>
    <row r="19" spans="1:13" x14ac:dyDescent="0.3">
      <c r="A19" s="51" t="s">
        <v>1014</v>
      </c>
      <c r="B19" s="68" t="s">
        <v>1002</v>
      </c>
      <c r="C19" s="51" t="s">
        <v>1751</v>
      </c>
      <c r="D19" s="51" t="s">
        <v>1752</v>
      </c>
      <c r="E19" s="57"/>
      <c r="F19" s="57"/>
      <c r="G19" s="57"/>
      <c r="H19" s="49"/>
      <c r="L19" s="49"/>
      <c r="M19" s="49"/>
    </row>
    <row r="20" spans="1:13" x14ac:dyDescent="0.3">
      <c r="A20" s="51" t="s">
        <v>1015</v>
      </c>
      <c r="B20" s="68" t="s">
        <v>1003</v>
      </c>
      <c r="C20" s="51" t="s">
        <v>1744</v>
      </c>
      <c r="D20" s="51" t="s">
        <v>1753</v>
      </c>
      <c r="E20" s="57"/>
      <c r="F20" s="57"/>
      <c r="G20" s="57"/>
      <c r="H20" s="49"/>
      <c r="L20" s="49"/>
      <c r="M20" s="49"/>
    </row>
    <row r="21" spans="1:13" x14ac:dyDescent="0.3">
      <c r="A21" s="51" t="s">
        <v>1016</v>
      </c>
      <c r="B21" s="68" t="s">
        <v>1004</v>
      </c>
      <c r="C21" s="51" t="s">
        <v>1751</v>
      </c>
      <c r="D21" s="51" t="s">
        <v>1752</v>
      </c>
      <c r="E21" s="57"/>
      <c r="F21" s="57"/>
      <c r="G21" s="57"/>
      <c r="H21" s="49"/>
      <c r="L21" s="49"/>
      <c r="M21" s="49"/>
    </row>
    <row r="22" spans="1:13" x14ac:dyDescent="0.3">
      <c r="A22" s="51" t="s">
        <v>1017</v>
      </c>
      <c r="B22" s="68" t="s">
        <v>1005</v>
      </c>
      <c r="C22" s="51" t="s">
        <v>1751</v>
      </c>
      <c r="D22" s="51" t="s">
        <v>1752</v>
      </c>
      <c r="E22" s="57"/>
      <c r="F22" s="57"/>
      <c r="G22" s="57"/>
      <c r="H22" s="49"/>
      <c r="L22" s="49"/>
      <c r="M22" s="49"/>
    </row>
    <row r="23" spans="1:13" x14ac:dyDescent="0.3">
      <c r="A23" s="51" t="s">
        <v>1018</v>
      </c>
      <c r="B23" s="68" t="s">
        <v>1084</v>
      </c>
      <c r="C23" s="51" t="s">
        <v>1754</v>
      </c>
      <c r="D23" s="51" t="s">
        <v>1755</v>
      </c>
      <c r="E23" s="57"/>
      <c r="F23" s="57"/>
      <c r="G23" s="57"/>
      <c r="H23" s="49"/>
      <c r="L23" s="49"/>
      <c r="M23" s="49"/>
    </row>
    <row r="24" spans="1:13" x14ac:dyDescent="0.3">
      <c r="A24" s="51" t="s">
        <v>1086</v>
      </c>
      <c r="B24" s="68" t="s">
        <v>1085</v>
      </c>
      <c r="C24" s="51" t="s">
        <v>1756</v>
      </c>
      <c r="E24" s="57"/>
      <c r="F24" s="57"/>
      <c r="G24" s="57"/>
      <c r="H24" s="49"/>
      <c r="L24" s="49"/>
      <c r="M24" s="49"/>
    </row>
    <row r="25" spans="1:13" outlineLevel="1" x14ac:dyDescent="0.3">
      <c r="A25" s="51" t="s">
        <v>1019</v>
      </c>
      <c r="B25" s="66" t="s">
        <v>1561</v>
      </c>
      <c r="E25" s="57"/>
      <c r="F25" s="57"/>
      <c r="G25" s="57"/>
      <c r="H25" s="49"/>
      <c r="L25" s="49"/>
      <c r="M25" s="49"/>
    </row>
    <row r="26" spans="1:13" outlineLevel="1" x14ac:dyDescent="0.3">
      <c r="A26" s="51" t="s">
        <v>1022</v>
      </c>
      <c r="B26" s="146"/>
      <c r="C26" s="142"/>
      <c r="D26" s="142"/>
      <c r="E26" s="57"/>
      <c r="F26" s="57"/>
      <c r="G26" s="57"/>
      <c r="H26" s="49"/>
      <c r="L26" s="49"/>
      <c r="M26" s="49"/>
    </row>
    <row r="27" spans="1:13" outlineLevel="1" x14ac:dyDescent="0.3">
      <c r="A27" s="51" t="s">
        <v>1023</v>
      </c>
      <c r="B27" s="146"/>
      <c r="C27" s="142"/>
      <c r="D27" s="142"/>
      <c r="E27" s="57"/>
      <c r="F27" s="57"/>
      <c r="G27" s="57"/>
      <c r="H27" s="49"/>
      <c r="L27" s="49"/>
      <c r="M27" s="49"/>
    </row>
    <row r="28" spans="1:13" outlineLevel="1" x14ac:dyDescent="0.3">
      <c r="A28" s="51" t="s">
        <v>1024</v>
      </c>
      <c r="B28" s="146"/>
      <c r="C28" s="142"/>
      <c r="D28" s="142"/>
      <c r="E28" s="57"/>
      <c r="F28" s="57"/>
      <c r="G28" s="57"/>
      <c r="H28" s="49"/>
      <c r="L28" s="49"/>
      <c r="M28" s="49"/>
    </row>
    <row r="29" spans="1:13" outlineLevel="1" x14ac:dyDescent="0.3">
      <c r="A29" s="51" t="s">
        <v>1025</v>
      </c>
      <c r="B29" s="146"/>
      <c r="C29" s="142"/>
      <c r="D29" s="142"/>
      <c r="E29" s="57"/>
      <c r="F29" s="57"/>
      <c r="G29" s="57"/>
      <c r="H29" s="49"/>
      <c r="L29" s="49"/>
      <c r="M29" s="49"/>
    </row>
    <row r="30" spans="1:13" outlineLevel="1" x14ac:dyDescent="0.3">
      <c r="A30" s="51" t="s">
        <v>1026</v>
      </c>
      <c r="B30" s="146"/>
      <c r="C30" s="142"/>
      <c r="D30" s="142"/>
      <c r="E30" s="57"/>
      <c r="F30" s="57"/>
      <c r="G30" s="57"/>
      <c r="H30" s="49"/>
      <c r="L30" s="49"/>
      <c r="M30" s="49"/>
    </row>
    <row r="31" spans="1:13" outlineLevel="1" x14ac:dyDescent="0.3">
      <c r="A31" s="51" t="s">
        <v>1027</v>
      </c>
      <c r="B31" s="146"/>
      <c r="C31" s="142"/>
      <c r="D31" s="142"/>
      <c r="E31" s="57"/>
      <c r="F31" s="57"/>
      <c r="G31" s="57"/>
      <c r="H31" s="49"/>
      <c r="L31" s="49"/>
      <c r="M31" s="49"/>
    </row>
    <row r="32" spans="1:13" outlineLevel="1" x14ac:dyDescent="0.3">
      <c r="A32" s="51" t="s">
        <v>1028</v>
      </c>
      <c r="B32" s="146"/>
      <c r="C32" s="142"/>
      <c r="D32" s="142"/>
      <c r="E32" s="57"/>
      <c r="F32" s="57"/>
      <c r="G32" s="57"/>
      <c r="H32" s="49"/>
      <c r="L32" s="49"/>
      <c r="M32" s="49"/>
    </row>
    <row r="33" spans="1:13" ht="18" x14ac:dyDescent="0.3">
      <c r="A33" s="63"/>
      <c r="B33" s="62" t="s">
        <v>1021</v>
      </c>
      <c r="C33" s="63"/>
      <c r="D33" s="63"/>
      <c r="E33" s="63"/>
      <c r="F33" s="63"/>
      <c r="G33" s="63"/>
      <c r="H33" s="49"/>
      <c r="L33" s="49"/>
      <c r="M33" s="49"/>
    </row>
    <row r="34" spans="1:13" ht="15" customHeight="1" x14ac:dyDescent="0.3">
      <c r="A34" s="70"/>
      <c r="B34" s="71" t="s">
        <v>1006</v>
      </c>
      <c r="C34" s="70" t="s">
        <v>1095</v>
      </c>
      <c r="D34" s="70" t="s">
        <v>1098</v>
      </c>
      <c r="E34" s="70" t="s">
        <v>1007</v>
      </c>
      <c r="F34" s="73"/>
      <c r="G34" s="73"/>
      <c r="H34" s="49"/>
      <c r="L34" s="49"/>
      <c r="M34" s="49"/>
    </row>
    <row r="35" spans="1:13" ht="15.6" x14ac:dyDescent="0.3">
      <c r="A35" s="51" t="s">
        <v>1044</v>
      </c>
      <c r="B35" s="180" t="s">
        <v>1757</v>
      </c>
      <c r="C35" s="180" t="s">
        <v>1096</v>
      </c>
      <c r="D35" s="180" t="s">
        <v>1758</v>
      </c>
      <c r="E35" s="180" t="s">
        <v>1759</v>
      </c>
      <c r="F35" s="111"/>
      <c r="G35" s="111"/>
      <c r="H35" s="49"/>
      <c r="L35" s="49"/>
      <c r="M35" s="49"/>
    </row>
    <row r="36" spans="1:13" x14ac:dyDescent="0.3">
      <c r="A36" s="51" t="s">
        <v>1045</v>
      </c>
      <c r="B36" s="68"/>
      <c r="H36" s="49"/>
      <c r="L36" s="49"/>
      <c r="M36" s="49"/>
    </row>
    <row r="37" spans="1:13" x14ac:dyDescent="0.3">
      <c r="A37" s="51" t="s">
        <v>1046</v>
      </c>
      <c r="B37" s="68"/>
      <c r="H37" s="49"/>
      <c r="L37" s="49"/>
      <c r="M37" s="49"/>
    </row>
    <row r="38" spans="1:13" x14ac:dyDescent="0.3">
      <c r="A38" s="51" t="s">
        <v>1047</v>
      </c>
      <c r="B38" s="68"/>
      <c r="H38" s="49"/>
      <c r="L38" s="49"/>
      <c r="M38" s="49"/>
    </row>
    <row r="39" spans="1:13" x14ac:dyDescent="0.3">
      <c r="A39" s="51" t="s">
        <v>1048</v>
      </c>
      <c r="B39" s="68"/>
      <c r="H39" s="49"/>
      <c r="L39" s="49"/>
      <c r="M39" s="49"/>
    </row>
    <row r="40" spans="1:13" x14ac:dyDescent="0.3">
      <c r="A40" s="51" t="s">
        <v>1049</v>
      </c>
      <c r="B40" s="68"/>
      <c r="H40" s="49"/>
      <c r="L40" s="49"/>
      <c r="M40" s="49"/>
    </row>
    <row r="41" spans="1:13" x14ac:dyDescent="0.3">
      <c r="A41" s="51" t="s">
        <v>1050</v>
      </c>
      <c r="B41" s="68"/>
      <c r="H41" s="49"/>
      <c r="L41" s="49"/>
      <c r="M41" s="49"/>
    </row>
    <row r="42" spans="1:13" x14ac:dyDescent="0.3">
      <c r="A42" s="51" t="s">
        <v>1051</v>
      </c>
      <c r="B42" s="68"/>
      <c r="H42" s="49"/>
      <c r="L42" s="49"/>
      <c r="M42" s="49"/>
    </row>
    <row r="43" spans="1:13" x14ac:dyDescent="0.3">
      <c r="A43" s="51" t="s">
        <v>1052</v>
      </c>
      <c r="B43" s="68"/>
      <c r="H43" s="49"/>
      <c r="L43" s="49"/>
      <c r="M43" s="49"/>
    </row>
    <row r="44" spans="1:13" x14ac:dyDescent="0.3">
      <c r="A44" s="51" t="s">
        <v>1053</v>
      </c>
      <c r="B44" s="68"/>
      <c r="H44" s="49"/>
      <c r="L44" s="49"/>
      <c r="M44" s="49"/>
    </row>
    <row r="45" spans="1:13" x14ac:dyDescent="0.3">
      <c r="A45" s="51" t="s">
        <v>1054</v>
      </c>
      <c r="B45" s="68"/>
      <c r="H45" s="49"/>
      <c r="L45" s="49"/>
      <c r="M45" s="49"/>
    </row>
    <row r="46" spans="1:13" x14ac:dyDescent="0.3">
      <c r="A46" s="51" t="s">
        <v>1055</v>
      </c>
      <c r="B46" s="68"/>
      <c r="H46" s="49"/>
      <c r="L46" s="49"/>
      <c r="M46" s="49"/>
    </row>
    <row r="47" spans="1:13" x14ac:dyDescent="0.3">
      <c r="A47" s="51" t="s">
        <v>1056</v>
      </c>
      <c r="B47" s="68"/>
      <c r="H47" s="49"/>
      <c r="L47" s="49"/>
      <c r="M47" s="49"/>
    </row>
    <row r="48" spans="1:13" x14ac:dyDescent="0.3">
      <c r="A48" s="51" t="s">
        <v>1057</v>
      </c>
      <c r="B48" s="68"/>
      <c r="H48" s="49"/>
      <c r="L48" s="49"/>
      <c r="M48" s="49"/>
    </row>
    <row r="49" spans="1:13" x14ac:dyDescent="0.3">
      <c r="A49" s="51" t="s">
        <v>1058</v>
      </c>
      <c r="B49" s="68"/>
      <c r="H49" s="49"/>
      <c r="L49" s="49"/>
      <c r="M49" s="49"/>
    </row>
    <row r="50" spans="1:13" x14ac:dyDescent="0.3">
      <c r="A50" s="51" t="s">
        <v>1059</v>
      </c>
      <c r="B50" s="68"/>
      <c r="H50" s="49"/>
      <c r="L50" s="49"/>
      <c r="M50" s="49"/>
    </row>
    <row r="51" spans="1:13" x14ac:dyDescent="0.3">
      <c r="A51" s="51" t="s">
        <v>1060</v>
      </c>
      <c r="B51" s="68"/>
      <c r="H51" s="49"/>
      <c r="L51" s="49"/>
      <c r="M51" s="49"/>
    </row>
    <row r="52" spans="1:13" x14ac:dyDescent="0.3">
      <c r="A52" s="51" t="s">
        <v>1061</v>
      </c>
      <c r="B52" s="68"/>
      <c r="H52" s="49"/>
      <c r="L52" s="49"/>
      <c r="M52" s="49"/>
    </row>
    <row r="53" spans="1:13" x14ac:dyDescent="0.3">
      <c r="A53" s="51" t="s">
        <v>1062</v>
      </c>
      <c r="B53" s="68"/>
      <c r="H53" s="49"/>
      <c r="L53" s="49"/>
      <c r="M53" s="49"/>
    </row>
    <row r="54" spans="1:13" x14ac:dyDescent="0.3">
      <c r="A54" s="51" t="s">
        <v>1063</v>
      </c>
      <c r="B54" s="68"/>
      <c r="H54" s="49"/>
      <c r="L54" s="49"/>
      <c r="M54" s="49"/>
    </row>
    <row r="55" spans="1:13" x14ac:dyDescent="0.3">
      <c r="A55" s="51" t="s">
        <v>1064</v>
      </c>
      <c r="B55" s="68"/>
      <c r="H55" s="49"/>
      <c r="L55" s="49"/>
      <c r="M55" s="49"/>
    </row>
    <row r="56" spans="1:13" x14ac:dyDescent="0.3">
      <c r="A56" s="51" t="s">
        <v>1065</v>
      </c>
      <c r="B56" s="68"/>
      <c r="H56" s="49"/>
      <c r="L56" s="49"/>
      <c r="M56" s="49"/>
    </row>
    <row r="57" spans="1:13" x14ac:dyDescent="0.3">
      <c r="A57" s="51" t="s">
        <v>1066</v>
      </c>
      <c r="B57" s="68"/>
      <c r="H57" s="49"/>
      <c r="L57" s="49"/>
      <c r="M57" s="49"/>
    </row>
    <row r="58" spans="1:13" x14ac:dyDescent="0.3">
      <c r="A58" s="51" t="s">
        <v>1067</v>
      </c>
      <c r="B58" s="68"/>
      <c r="H58" s="49"/>
      <c r="L58" s="49"/>
      <c r="M58" s="49"/>
    </row>
    <row r="59" spans="1:13" x14ac:dyDescent="0.3">
      <c r="A59" s="51" t="s">
        <v>1068</v>
      </c>
      <c r="B59" s="68"/>
      <c r="H59" s="49"/>
      <c r="L59" s="49"/>
      <c r="M59" s="49"/>
    </row>
    <row r="60" spans="1:13" outlineLevel="1" x14ac:dyDescent="0.3">
      <c r="A60" s="51" t="s">
        <v>1029</v>
      </c>
      <c r="B60" s="68"/>
      <c r="E60" s="68"/>
      <c r="F60" s="68"/>
      <c r="G60" s="68"/>
      <c r="H60" s="49"/>
      <c r="L60" s="49"/>
      <c r="M60" s="49"/>
    </row>
    <row r="61" spans="1:13" outlineLevel="1" x14ac:dyDescent="0.3">
      <c r="A61" s="51" t="s">
        <v>1030</v>
      </c>
      <c r="B61" s="68"/>
      <c r="E61" s="68"/>
      <c r="F61" s="68"/>
      <c r="G61" s="68"/>
      <c r="H61" s="49"/>
      <c r="L61" s="49"/>
      <c r="M61" s="49"/>
    </row>
    <row r="62" spans="1:13" outlineLevel="1" x14ac:dyDescent="0.3">
      <c r="A62" s="51" t="s">
        <v>1031</v>
      </c>
      <c r="B62" s="68"/>
      <c r="E62" s="68"/>
      <c r="F62" s="68"/>
      <c r="G62" s="68"/>
      <c r="H62" s="49"/>
      <c r="L62" s="49"/>
      <c r="M62" s="49"/>
    </row>
    <row r="63" spans="1:13" outlineLevel="1" x14ac:dyDescent="0.3">
      <c r="A63" s="51" t="s">
        <v>1032</v>
      </c>
      <c r="B63" s="68"/>
      <c r="E63" s="68"/>
      <c r="F63" s="68"/>
      <c r="G63" s="68"/>
      <c r="H63" s="49"/>
      <c r="L63" s="49"/>
      <c r="M63" s="49"/>
    </row>
    <row r="64" spans="1:13" outlineLevel="1" x14ac:dyDescent="0.3">
      <c r="A64" s="51" t="s">
        <v>1033</v>
      </c>
      <c r="B64" s="68"/>
      <c r="E64" s="68"/>
      <c r="F64" s="68"/>
      <c r="G64" s="68"/>
      <c r="H64" s="49"/>
      <c r="L64" s="49"/>
      <c r="M64" s="49"/>
    </row>
    <row r="65" spans="1:14" outlineLevel="1" x14ac:dyDescent="0.3">
      <c r="A65" s="51" t="s">
        <v>1034</v>
      </c>
      <c r="B65" s="68"/>
      <c r="E65" s="68"/>
      <c r="F65" s="68"/>
      <c r="G65" s="68"/>
      <c r="H65" s="49"/>
      <c r="L65" s="49"/>
      <c r="M65" s="49"/>
    </row>
    <row r="66" spans="1:14" outlineLevel="1" x14ac:dyDescent="0.3">
      <c r="A66" s="51" t="s">
        <v>1035</v>
      </c>
      <c r="B66" s="68"/>
      <c r="E66" s="68"/>
      <c r="F66" s="68"/>
      <c r="G66" s="68"/>
      <c r="H66" s="49"/>
      <c r="L66" s="49"/>
      <c r="M66" s="49"/>
    </row>
    <row r="67" spans="1:14" outlineLevel="1" x14ac:dyDescent="0.3">
      <c r="A67" s="51" t="s">
        <v>1036</v>
      </c>
      <c r="B67" s="68"/>
      <c r="E67" s="68"/>
      <c r="F67" s="68"/>
      <c r="G67" s="68"/>
      <c r="H67" s="49"/>
      <c r="L67" s="49"/>
      <c r="M67" s="49"/>
    </row>
    <row r="68" spans="1:14" outlineLevel="1" x14ac:dyDescent="0.3">
      <c r="A68" s="51" t="s">
        <v>1037</v>
      </c>
      <c r="B68" s="68"/>
      <c r="E68" s="68"/>
      <c r="F68" s="68"/>
      <c r="G68" s="68"/>
      <c r="H68" s="49"/>
      <c r="L68" s="49"/>
      <c r="M68" s="49"/>
    </row>
    <row r="69" spans="1:14" outlineLevel="1" x14ac:dyDescent="0.3">
      <c r="A69" s="51" t="s">
        <v>1038</v>
      </c>
      <c r="B69" s="68"/>
      <c r="E69" s="68"/>
      <c r="F69" s="68"/>
      <c r="G69" s="68"/>
      <c r="H69" s="49"/>
      <c r="L69" s="49"/>
      <c r="M69" s="49"/>
    </row>
    <row r="70" spans="1:14" outlineLevel="1" x14ac:dyDescent="0.3">
      <c r="A70" s="51" t="s">
        <v>1039</v>
      </c>
      <c r="B70" s="68"/>
      <c r="E70" s="68"/>
      <c r="F70" s="68"/>
      <c r="G70" s="68"/>
      <c r="H70" s="49"/>
      <c r="L70" s="49"/>
      <c r="M70" s="49"/>
    </row>
    <row r="71" spans="1:14" outlineLevel="1" x14ac:dyDescent="0.3">
      <c r="A71" s="51" t="s">
        <v>1040</v>
      </c>
      <c r="B71" s="68"/>
      <c r="E71" s="68"/>
      <c r="F71" s="68"/>
      <c r="G71" s="68"/>
      <c r="H71" s="49"/>
      <c r="L71" s="49"/>
      <c r="M71" s="49"/>
    </row>
    <row r="72" spans="1:14" outlineLevel="1" x14ac:dyDescent="0.3">
      <c r="A72" s="51" t="s">
        <v>1041</v>
      </c>
      <c r="B72" s="68"/>
      <c r="E72" s="68"/>
      <c r="F72" s="68"/>
      <c r="G72" s="68"/>
      <c r="H72" s="49"/>
      <c r="L72" s="49"/>
      <c r="M72" s="49"/>
    </row>
    <row r="73" spans="1:14" ht="18" x14ac:dyDescent="0.3">
      <c r="A73" s="63"/>
      <c r="B73" s="62" t="s">
        <v>1043</v>
      </c>
      <c r="C73" s="63"/>
      <c r="D73" s="63"/>
      <c r="E73" s="63"/>
      <c r="F73" s="63"/>
      <c r="G73" s="63"/>
      <c r="H73" s="49"/>
    </row>
    <row r="74" spans="1:14" ht="15" customHeight="1" x14ac:dyDescent="0.3">
      <c r="A74" s="70"/>
      <c r="B74" s="71" t="s">
        <v>772</v>
      </c>
      <c r="C74" s="70" t="s">
        <v>1099</v>
      </c>
      <c r="D74" s="70"/>
      <c r="E74" s="73"/>
      <c r="F74" s="73"/>
      <c r="G74" s="73"/>
      <c r="H74" s="80"/>
      <c r="I74" s="80"/>
      <c r="J74" s="80"/>
      <c r="K74" s="80"/>
      <c r="L74" s="80"/>
      <c r="M74" s="80"/>
      <c r="N74" s="80"/>
    </row>
    <row r="75" spans="1:14" x14ac:dyDescent="0.3">
      <c r="A75" s="51" t="s">
        <v>1069</v>
      </c>
      <c r="B75" s="51" t="s">
        <v>1706</v>
      </c>
      <c r="C75" s="123">
        <v>6.7667872395375062</v>
      </c>
      <c r="H75" s="49"/>
    </row>
    <row r="76" spans="1:14" x14ac:dyDescent="0.3">
      <c r="A76" s="51" t="s">
        <v>1070</v>
      </c>
      <c r="B76" s="51" t="s">
        <v>1707</v>
      </c>
      <c r="C76" s="123">
        <v>27.40326112842455</v>
      </c>
      <c r="H76" s="49"/>
    </row>
    <row r="77" spans="1:14" outlineLevel="1" x14ac:dyDescent="0.3">
      <c r="A77" s="51" t="s">
        <v>1071</v>
      </c>
      <c r="H77" s="49"/>
    </row>
    <row r="78" spans="1:14" outlineLevel="1" x14ac:dyDescent="0.3">
      <c r="A78" s="51" t="s">
        <v>1072</v>
      </c>
      <c r="H78" s="49"/>
    </row>
    <row r="79" spans="1:14" outlineLevel="1" x14ac:dyDescent="0.3">
      <c r="A79" s="51" t="s">
        <v>1073</v>
      </c>
      <c r="H79" s="49"/>
    </row>
    <row r="80" spans="1:14" outlineLevel="1" x14ac:dyDescent="0.3">
      <c r="A80" s="51" t="s">
        <v>1074</v>
      </c>
      <c r="H80" s="49"/>
    </row>
    <row r="81" spans="1:8" x14ac:dyDescent="0.3">
      <c r="A81" s="70"/>
      <c r="B81" s="71" t="s">
        <v>1075</v>
      </c>
      <c r="C81" s="70" t="s">
        <v>478</v>
      </c>
      <c r="D81" s="70" t="s">
        <v>479</v>
      </c>
      <c r="E81" s="73" t="s">
        <v>773</v>
      </c>
      <c r="F81" s="73" t="s">
        <v>774</v>
      </c>
      <c r="G81" s="73" t="s">
        <v>1094</v>
      </c>
      <c r="H81" s="49"/>
    </row>
    <row r="82" spans="1:8" x14ac:dyDescent="0.3">
      <c r="A82" s="51" t="s">
        <v>1076</v>
      </c>
      <c r="B82" s="51" t="s">
        <v>1155</v>
      </c>
      <c r="C82" s="181">
        <v>4.3212125659139481E-3</v>
      </c>
      <c r="D82" s="51">
        <v>0</v>
      </c>
      <c r="E82" s="51">
        <v>0</v>
      </c>
      <c r="F82" s="51">
        <v>0</v>
      </c>
      <c r="G82" s="182">
        <f>+SUM(C82:F82)</f>
        <v>4.3212125659139481E-3</v>
      </c>
      <c r="H82" s="49"/>
    </row>
    <row r="83" spans="1:8" x14ac:dyDescent="0.3">
      <c r="A83" s="51" t="s">
        <v>1077</v>
      </c>
      <c r="B83" s="51" t="s">
        <v>1091</v>
      </c>
      <c r="C83" s="181">
        <v>2.5645707309804262E-4</v>
      </c>
      <c r="D83" s="51">
        <v>0</v>
      </c>
      <c r="E83" s="51">
        <v>0</v>
      </c>
      <c r="F83" s="51">
        <v>0</v>
      </c>
      <c r="G83" s="182">
        <f t="shared" ref="G83:G86" si="0">+SUM(C83:F83)</f>
        <v>2.5645707309804262E-4</v>
      </c>
      <c r="H83" s="49"/>
    </row>
    <row r="84" spans="1:8" x14ac:dyDescent="0.3">
      <c r="A84" s="51" t="s">
        <v>1078</v>
      </c>
      <c r="B84" s="51" t="s">
        <v>1089</v>
      </c>
      <c r="C84" s="181">
        <v>5.7735568897931852E-6</v>
      </c>
      <c r="D84" s="51">
        <v>0</v>
      </c>
      <c r="E84" s="51">
        <v>0</v>
      </c>
      <c r="F84" s="51">
        <v>0</v>
      </c>
      <c r="G84" s="182">
        <f t="shared" si="0"/>
        <v>5.7735568897931852E-6</v>
      </c>
      <c r="H84" s="49"/>
    </row>
    <row r="85" spans="1:8" x14ac:dyDescent="0.3">
      <c r="A85" s="51" t="s">
        <v>1079</v>
      </c>
      <c r="B85" s="51" t="s">
        <v>1090</v>
      </c>
      <c r="C85" s="51">
        <v>0</v>
      </c>
      <c r="D85" s="51">
        <v>0</v>
      </c>
      <c r="E85" s="51">
        <v>0</v>
      </c>
      <c r="F85" s="51">
        <v>0</v>
      </c>
      <c r="G85" s="182">
        <f t="shared" si="0"/>
        <v>0</v>
      </c>
      <c r="H85" s="49"/>
    </row>
    <row r="86" spans="1:8" x14ac:dyDescent="0.3">
      <c r="A86" s="51" t="s">
        <v>1093</v>
      </c>
      <c r="B86" s="51" t="s">
        <v>1092</v>
      </c>
      <c r="C86" s="51">
        <v>0</v>
      </c>
      <c r="D86" s="51">
        <v>0</v>
      </c>
      <c r="E86" s="51">
        <v>0</v>
      </c>
      <c r="F86" s="51">
        <v>0</v>
      </c>
      <c r="G86" s="182">
        <f t="shared" si="0"/>
        <v>0</v>
      </c>
      <c r="H86" s="49"/>
    </row>
    <row r="87" spans="1:8" outlineLevel="1" x14ac:dyDescent="0.3">
      <c r="A87" s="51" t="s">
        <v>1080</v>
      </c>
      <c r="H87" s="49"/>
    </row>
    <row r="88" spans="1:8" outlineLevel="1" x14ac:dyDescent="0.3">
      <c r="A88" s="51" t="s">
        <v>1081</v>
      </c>
      <c r="H88" s="49"/>
    </row>
    <row r="89" spans="1:8" outlineLevel="1" x14ac:dyDescent="0.3">
      <c r="A89" s="51" t="s">
        <v>1082</v>
      </c>
      <c r="H89" s="49"/>
    </row>
    <row r="90" spans="1:8" outlineLevel="1" x14ac:dyDescent="0.3">
      <c r="A90" s="51" t="s">
        <v>1083</v>
      </c>
      <c r="H90" s="49"/>
    </row>
    <row r="91" spans="1:8" x14ac:dyDescent="0.3">
      <c r="H91" s="49"/>
    </row>
    <row r="92" spans="1:8" x14ac:dyDescent="0.3">
      <c r="H92" s="49"/>
    </row>
    <row r="93" spans="1:8" x14ac:dyDescent="0.3">
      <c r="H93" s="49"/>
    </row>
    <row r="94" spans="1:8" x14ac:dyDescent="0.3">
      <c r="H94" s="49"/>
    </row>
    <row r="95" spans="1:8" x14ac:dyDescent="0.3">
      <c r="H95" s="49"/>
    </row>
    <row r="96" spans="1:8" x14ac:dyDescent="0.3">
      <c r="H96" s="49"/>
    </row>
    <row r="97" spans="8:8" x14ac:dyDescent="0.3">
      <c r="H97" s="49"/>
    </row>
    <row r="98" spans="8:8" x14ac:dyDescent="0.3">
      <c r="H98" s="49"/>
    </row>
    <row r="99" spans="8:8" x14ac:dyDescent="0.3">
      <c r="H99" s="49"/>
    </row>
    <row r="100" spans="8:8" x14ac:dyDescent="0.3">
      <c r="H100" s="49"/>
    </row>
    <row r="101" spans="8:8" x14ac:dyDescent="0.3">
      <c r="H101" s="49"/>
    </row>
    <row r="102" spans="8:8" x14ac:dyDescent="0.3">
      <c r="H102" s="49"/>
    </row>
    <row r="103" spans="8:8" x14ac:dyDescent="0.3">
      <c r="H103" s="49"/>
    </row>
    <row r="104" spans="8:8" x14ac:dyDescent="0.3">
      <c r="H104" s="49"/>
    </row>
    <row r="105" spans="8:8" x14ac:dyDescent="0.3">
      <c r="H105" s="49"/>
    </row>
    <row r="106" spans="8:8" x14ac:dyDescent="0.3">
      <c r="H106" s="49"/>
    </row>
    <row r="107" spans="8:8" x14ac:dyDescent="0.3">
      <c r="H107" s="49"/>
    </row>
    <row r="108" spans="8:8" x14ac:dyDescent="0.3">
      <c r="H108" s="49"/>
    </row>
    <row r="109" spans="8:8" x14ac:dyDescent="0.3">
      <c r="H109" s="49"/>
    </row>
    <row r="110" spans="8:8" x14ac:dyDescent="0.3">
      <c r="H110" s="49"/>
    </row>
    <row r="111" spans="8:8" x14ac:dyDescent="0.3">
      <c r="H111" s="49"/>
    </row>
    <row r="112" spans="8:8" x14ac:dyDescent="0.3">
      <c r="H112" s="49"/>
    </row>
  </sheetData>
  <sheetProtection algorithmName="SHA-512" hashValue="ToEdngM35Go/lysvC5stOu1vu6d7UNPctcxyWgYqpitMreuXcTKg0rKzb3l44L1Xfcq8JuUIsBYFPobsZ+t6yg==" saltValue="KwS1lCank5vWCCm1/QDa6A==" spinCount="100000" sheet="1" formatCells="0" formatColumns="0" formatRows="0" insertHyperlinks="0" sort="0" autoFilter="0" pivotTables="0"/>
  <protectedRanges>
    <protectedRange sqref="C4 B35:E72 B77:B80 B87:B90 C75:C80 C82:G90 C14:D25" name="Optional ECBECAIs"/>
  </protectedRanges>
  <mergeCells count="1">
    <mergeCell ref="A1:B1"/>
  </mergeCells>
  <hyperlinks>
    <hyperlink ref="B8" location="'E. Optional ECB-ECAIs data'!B33" display="2.  Additional information on the swaps" xr:uid="{00000000-0004-0000-0A00-000000000000}"/>
    <hyperlink ref="B7" location="'E. Optional ECB-ECAIs data'!B12" display="1. Additional information on the programme" xr:uid="{00000000-0004-0000-0A00-000001000000}"/>
    <hyperlink ref="B9" location="'E. Optional ECB-ECAIs data'!B73" display="3.  Additional information on the asset distribution" xr:uid="{00000000-0004-0000-0A00-000002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dlc_DocId xmlns="6a9f6bf8-3710-4c59-a4eb-7c22c36861d0">UFZAHDXV6EXC-877681433-495972</_dlc_DocId>
    <TaxCatchAll xmlns="6a9f6bf8-3710-4c59-a4eb-7c22c36861d0" xsi:nil="true"/>
    <lcf76f155ced4ddcb4097134ff3c332f xmlns="01c7ed30-b748-4e6f-b72d-51af0829fd38">
      <Terms xmlns="http://schemas.microsoft.com/office/infopath/2007/PartnerControls"/>
    </lcf76f155ced4ddcb4097134ff3c332f>
    <_dlc_DocIdUrl xmlns="6a9f6bf8-3710-4c59-a4eb-7c22c36861d0">
      <Url>https://emfecbc.sharepoint.com/sites/HypoDocumentCenter/_layouts/15/DocIdRedir.aspx?ID=UFZAHDXV6EXC-877681433-495972</Url>
      <Description>UFZAHDXV6EXC-877681433-495972</Description>
    </_dlc_DocIdUrl>
    <SharedWithUsers xmlns="6a9f6bf8-3710-4c59-a4eb-7c22c36861d0">
      <UserInfo>
        <DisplayName>Eva DERVAUX</DisplayName>
        <AccountId>65</AccountId>
        <AccountType/>
      </UserInfo>
    </SharedWithUser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4.xml><?xml version="1.0" encoding="utf-8"?>
<ct:contentTypeSchema xmlns:ct="http://schemas.microsoft.com/office/2006/metadata/contentType" xmlns:ma="http://schemas.microsoft.com/office/2006/metadata/properties/metaAttributes" ct:_="" ma:_="" ma:contentTypeName="Document" ma:contentTypeID="0x0101006CAA61BAA763B0498F953F45EC10D7A4" ma:contentTypeVersion="15" ma:contentTypeDescription="Create a new document." ma:contentTypeScope="" ma:versionID="67035aed7eda27db61e8aad84eb238de">
  <xsd:schema xmlns:xsd="http://www.w3.org/2001/XMLSchema" xmlns:xs="http://www.w3.org/2001/XMLSchema" xmlns:p="http://schemas.microsoft.com/office/2006/metadata/properties" xmlns:ns2="6a9f6bf8-3710-4c59-a4eb-7c22c36861d0" xmlns:ns3="01c7ed30-b748-4e6f-b72d-51af0829fd38" targetNamespace="http://schemas.microsoft.com/office/2006/metadata/properties" ma:root="true" ma:fieldsID="9c66ae1924b0f20ae4b6887896c85297" ns2:_="" ns3:_="">
    <xsd:import namespace="6a9f6bf8-3710-4c59-a4eb-7c22c36861d0"/>
    <xsd:import namespace="01c7ed30-b748-4e6f-b72d-51af0829fd38"/>
    <xsd:element name="properties">
      <xsd:complexType>
        <xsd:sequence>
          <xsd:element name="documentManagement">
            <xsd:complexType>
              <xsd:all>
                <xsd:element ref="ns2:_dlc_DocId" minOccurs="0"/>
                <xsd:element ref="ns2:_dlc_DocIdUrl" minOccurs="0"/>
                <xsd:element ref="ns2:_dlc_DocIdPersistId" minOccurs="0"/>
                <xsd:element ref="ns3:MediaServiceMetadata" minOccurs="0"/>
                <xsd:element ref="ns3:MediaServiceFastMetadata" minOccurs="0"/>
                <xsd:element ref="ns3:MediaServiceSearchProperties" minOccurs="0"/>
                <xsd:element ref="ns3:MediaServiceDateTaken" minOccurs="0"/>
                <xsd:element ref="ns3:MediaServiceObjectDetectorVersions" minOccurs="0"/>
                <xsd:element ref="ns3:MediaServiceGenerationTime" minOccurs="0"/>
                <xsd:element ref="ns3:MediaServiceEventHashCode" minOccurs="0"/>
                <xsd:element ref="ns3:MediaLengthInSeconds" minOccurs="0"/>
                <xsd:element ref="ns3:lcf76f155ced4ddcb4097134ff3c332f" minOccurs="0"/>
                <xsd:element ref="ns2:TaxCatchAll" minOccurs="0"/>
                <xsd:element ref="ns3:MediaServiceOCR" minOccurs="0"/>
                <xsd:element ref="ns3:MediaServiceLocation" minOccurs="0"/>
                <xsd:element ref="ns2:SharedWithUsers" minOccurs="0"/>
                <xsd:element ref="ns2: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a9f6bf8-3710-4c59-a4eb-7c22c36861d0"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dexed="true"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TaxCatchAll" ma:index="21" nillable="true" ma:displayName="Taxonomy Catch All Column" ma:hidden="true" ma:list="{2c426747-7173-4e8f-8ab6-a5c1ef35aed4}" ma:internalName="TaxCatchAll" ma:showField="CatchAllData" ma:web="6a9f6bf8-3710-4c59-a4eb-7c22c36861d0">
      <xsd:complexType>
        <xsd:complexContent>
          <xsd:extension base="dms:MultiChoiceLookup">
            <xsd:sequence>
              <xsd:element name="Value" type="dms:Lookup" maxOccurs="unbounded" minOccurs="0" nillable="true"/>
            </xsd:sequence>
          </xsd:extension>
        </xsd:complexContent>
      </xsd:complexType>
    </xsd:element>
    <xsd:element name="SharedWithUsers" ma:index="2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5"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1c7ed30-b748-4e6f-b72d-51af0829fd38"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SearchProperties" ma:index="13" nillable="true" ma:displayName="MediaServiceSearchProperties" ma:hidden="true" ma:internalName="MediaServiceSearchProperties" ma:readOnly="true">
      <xsd:simpleType>
        <xsd:restriction base="dms:Note"/>
      </xsd:simpleType>
    </xsd:element>
    <xsd:element name="MediaServiceDateTaken" ma:index="14" nillable="true" ma:displayName="MediaServiceDateTaken" ma:hidden="true" ma:indexed="true" ma:internalName="MediaServiceDateTaken" ma:readOnly="true">
      <xsd:simpleType>
        <xsd:restriction base="dms:Text"/>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lcf76f155ced4ddcb4097134ff3c332f" ma:index="20" nillable="true" ma:taxonomy="true" ma:internalName="lcf76f155ced4ddcb4097134ff3c332f" ma:taxonomyFieldName="MediaServiceImageTags" ma:displayName="Image Tags" ma:readOnly="false" ma:fieldId="{5cf76f15-5ced-4ddc-b409-7134ff3c332f}" ma:taxonomyMulti="true" ma:sspId="1e93ebf1-7625-466c-a210-b5f8a1b3afe3" ma:termSetId="09814cd3-568e-fe90-9814-8d621ff8fb84" ma:anchorId="fba54fb3-c3e1-fe81-a776-ca4b69148c4d" ma:open="true" ma:isKeyword="false">
      <xsd:complexType>
        <xsd:sequence>
          <xsd:element ref="pc:Terms" minOccurs="0" maxOccurs="1"/>
        </xsd:sequence>
      </xsd:complexType>
    </xsd:element>
    <xsd:element name="MediaServiceOCR" ma:index="22" nillable="true" ma:displayName="Extracted Text" ma:internalName="MediaServiceOCR" ma:readOnly="true">
      <xsd:simpleType>
        <xsd:restriction base="dms:Note">
          <xsd:maxLength value="255"/>
        </xsd:restriction>
      </xsd:simpleType>
    </xsd:element>
    <xsd:element name="MediaServiceLocation" ma:index="23" nillable="true" ma:displayName="Location" ma:description="" ma:indexed="true" ma:internalName="MediaServiceLocatio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80DC367C-DC7C-4FCC-9C34-8EE311773DAE}">
  <ds:schemaRefs>
    <ds:schemaRef ds:uri="http://schemas.microsoft.com/office/2006/metadata/properties"/>
    <ds:schemaRef ds:uri="http://schemas.microsoft.com/office/infopath/2007/PartnerControls"/>
    <ds:schemaRef ds:uri="6a9f6bf8-3710-4c59-a4eb-7c22c36861d0"/>
    <ds:schemaRef ds:uri="01c7ed30-b748-4e6f-b72d-51af0829fd38"/>
  </ds:schemaRefs>
</ds:datastoreItem>
</file>

<file path=customXml/itemProps2.xml><?xml version="1.0" encoding="utf-8"?>
<ds:datastoreItem xmlns:ds="http://schemas.openxmlformats.org/officeDocument/2006/customXml" ds:itemID="{42D1543E-08F7-44C0-BB8B-FB8EE0130DCE}">
  <ds:schemaRefs>
    <ds:schemaRef ds:uri="http://schemas.microsoft.com/sharepoint/v3/contenttype/forms"/>
  </ds:schemaRefs>
</ds:datastoreItem>
</file>

<file path=customXml/itemProps3.xml><?xml version="1.0" encoding="utf-8"?>
<ds:datastoreItem xmlns:ds="http://schemas.openxmlformats.org/officeDocument/2006/customXml" ds:itemID="{A78CD9DD-9EDF-4FDC-B396-3EB043E4883C}">
  <ds:schemaRefs>
    <ds:schemaRef ds:uri="http://schemas.microsoft.com/sharepoint/events"/>
  </ds:schemaRefs>
</ds:datastoreItem>
</file>

<file path=customXml/itemProps4.xml><?xml version="1.0" encoding="utf-8"?>
<ds:datastoreItem xmlns:ds="http://schemas.openxmlformats.org/officeDocument/2006/customXml" ds:itemID="{DAB5DA65-7CE4-4C86-8E27-E9F422088A3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a9f6bf8-3710-4c59-a4eb-7c22c36861d0"/>
    <ds:schemaRef ds:uri="01c7ed30-b748-4e6f-b72d-51af0829fd3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9</vt:i4>
      </vt:variant>
      <vt:variant>
        <vt:lpstr>Named Ranges</vt:lpstr>
      </vt:variant>
      <vt:variant>
        <vt:i4>12</vt:i4>
      </vt:variant>
    </vt:vector>
  </HeadingPairs>
  <TitlesOfParts>
    <vt:vector size="21" baseType="lpstr">
      <vt:lpstr>Disclaimer</vt:lpstr>
      <vt:lpstr>Introduction</vt:lpstr>
      <vt:lpstr>Completion Instructions</vt:lpstr>
      <vt:lpstr>FAQ</vt:lpstr>
      <vt:lpstr>C. HTT Harmonised Glossary</vt:lpstr>
      <vt:lpstr>A. HTT General</vt:lpstr>
      <vt:lpstr>B1. HTT Mortgage Assets</vt:lpstr>
      <vt:lpstr>D. Insert Nat Trans Templ</vt:lpstr>
      <vt:lpstr>E. Optional ECB-ECAIs data</vt:lpstr>
      <vt:lpstr>Disclaimer!general_tc</vt:lpstr>
      <vt:lpstr>'A. HTT General'!Print_Area</vt:lpstr>
      <vt:lpstr>'B1. HTT Mortgage Assets'!Print_Area</vt:lpstr>
      <vt:lpstr>'C. HTT Harmonised Glossary'!Print_Area</vt:lpstr>
      <vt:lpstr>'Completion Instructions'!Print_Area</vt:lpstr>
      <vt:lpstr>Disclaimer!Print_Area</vt:lpstr>
      <vt:lpstr>'E. Optional ECB-ECAIs data'!Print_Area</vt:lpstr>
      <vt:lpstr>FAQ!Print_Area</vt:lpstr>
      <vt:lpstr>Introduction!Print_Area</vt:lpstr>
      <vt:lpstr>Disclaimer!Print_Titles</vt:lpstr>
      <vt:lpstr>FAQ!Print_Titles</vt:lpstr>
      <vt:lpstr>Disclaimer!privacy_policy</vt:lpstr>
    </vt:vector>
  </TitlesOfParts>
  <Company>European Mortgage Fede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Sandra Maria de Almeida Santos</cp:lastModifiedBy>
  <cp:lastPrinted>2024-07-08T08:36:51Z</cp:lastPrinted>
  <dcterms:created xsi:type="dcterms:W3CDTF">2016-04-21T08:07:20Z</dcterms:created>
  <dcterms:modified xsi:type="dcterms:W3CDTF">2026-04-14T11:02:3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CAA61BAA763B0498F953F45EC10D7A4</vt:lpwstr>
  </property>
  <property fmtid="{D5CDD505-2E9C-101B-9397-08002B2CF9AE}" pid="3" name="_dlc_DocIdItemGuid">
    <vt:lpwstr>765ba2fd-72c0-4b65-b75f-331e9975e965</vt:lpwstr>
  </property>
  <property fmtid="{D5CDD505-2E9C-101B-9397-08002B2CF9AE}" pid="4" name="MediaServiceImageTags">
    <vt:lpwstr/>
  </property>
  <property fmtid="{D5CDD505-2E9C-101B-9397-08002B2CF9AE}" pid="5" name="MSIP_Label_41b88ec2-a72b-4523-9e84-0458a1764731_Enabled">
    <vt:lpwstr>true</vt:lpwstr>
  </property>
  <property fmtid="{D5CDD505-2E9C-101B-9397-08002B2CF9AE}" pid="6" name="MSIP_Label_41b88ec2-a72b-4523-9e84-0458a1764731_SetDate">
    <vt:lpwstr>2025-04-01T17:25:46Z</vt:lpwstr>
  </property>
  <property fmtid="{D5CDD505-2E9C-101B-9397-08002B2CF9AE}" pid="7" name="MSIP_Label_41b88ec2-a72b-4523-9e84-0458a1764731_Method">
    <vt:lpwstr>Privileged</vt:lpwstr>
  </property>
  <property fmtid="{D5CDD505-2E9C-101B-9397-08002B2CF9AE}" pid="8" name="MSIP_Label_41b88ec2-a72b-4523-9e84-0458a1764731_Name">
    <vt:lpwstr>Public O365</vt:lpwstr>
  </property>
  <property fmtid="{D5CDD505-2E9C-101B-9397-08002B2CF9AE}" pid="9" name="MSIP_Label_41b88ec2-a72b-4523-9e84-0458a1764731_SiteId">
    <vt:lpwstr>35595a02-4d6d-44ac-99e1-f9ab4cd872db</vt:lpwstr>
  </property>
  <property fmtid="{D5CDD505-2E9C-101B-9397-08002B2CF9AE}" pid="10" name="MSIP_Label_41b88ec2-a72b-4523-9e84-0458a1764731_ActionId">
    <vt:lpwstr>13a254fd-ecbb-4781-ac91-eb2fbb42bf93</vt:lpwstr>
  </property>
  <property fmtid="{D5CDD505-2E9C-101B-9397-08002B2CF9AE}" pid="11" name="MSIP_Label_41b88ec2-a72b-4523-9e84-0458a1764731_ContentBits">
    <vt:lpwstr>0</vt:lpwstr>
  </property>
  <property fmtid="{D5CDD505-2E9C-101B-9397-08002B2CF9AE}" pid="12" name="MSIP_Label_41b88ec2-a72b-4523-9e84-0458a1764731_Tag">
    <vt:lpwstr>10, 0, 1, 1</vt:lpwstr>
  </property>
</Properties>
</file>